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83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8_{E935BA0B-B8F8-40FE-A5C9-0153F483CFA1}" xr6:coauthVersionLast="47" xr6:coauthVersionMax="47" xr10:uidLastSave="{00000000-0000-0000-0000-000000000000}"/>
  <bookViews>
    <workbookView xWindow="-110" yWindow="-110" windowWidth="19420" windowHeight="10300" tabRatio="931" xr2:uid="{00000000-000D-0000-FFFF-FFFF00000000}"/>
  </bookViews>
  <sheets>
    <sheet name="ア　施設及び業務の概況" sheetId="7" r:id="rId1"/>
    <sheet name="イ　損益計算書 " sheetId="21" r:id="rId2"/>
    <sheet name="ウ　貸借対照表" sheetId="22" r:id="rId3"/>
    <sheet name="エ　資本的収支に関する調" sheetId="23" r:id="rId4"/>
  </sheets>
  <externalReferences>
    <externalReference r:id="rId5"/>
    <externalReference r:id="rId6"/>
  </externalReferences>
  <definedNames>
    <definedName name="_Key1" hidden="1">#REF!</definedName>
    <definedName name="_Order1" hidden="1">0</definedName>
    <definedName name="_Order2" hidden="1">0</definedName>
    <definedName name="_Sort" hidden="1">#REF!</definedName>
    <definedName name="dantai">[1]Sheet3!$A$2:$B$80</definedName>
    <definedName name="data01">#REF!</definedName>
    <definedName name="data10">#REF!</definedName>
    <definedName name="data20">#REF!</definedName>
    <definedName name="data22">#REF!</definedName>
    <definedName name="data23">#REF!</definedName>
    <definedName name="data25">#REF!</definedName>
    <definedName name="data30">#REF!</definedName>
    <definedName name="data32">#REF!</definedName>
    <definedName name="data33">#REF!</definedName>
    <definedName name="data52">#REF!</definedName>
    <definedName name="item0101">#REF!</definedName>
    <definedName name="item0102">#REF!</definedName>
    <definedName name="item0103">#REF!</definedName>
    <definedName name="item1001">#REF!</definedName>
    <definedName name="item1002">#REF!</definedName>
    <definedName name="item1003">#REF!</definedName>
    <definedName name="item2001">#REF!</definedName>
    <definedName name="item2002">#REF!</definedName>
    <definedName name="item2003">#REF!</definedName>
    <definedName name="item2201">#REF!</definedName>
    <definedName name="item2202">#REF!</definedName>
    <definedName name="item2203">#REF!</definedName>
    <definedName name="item2301">#REF!</definedName>
    <definedName name="item2302">#REF!</definedName>
    <definedName name="item2303">#REF!</definedName>
    <definedName name="item2501">#REF!</definedName>
    <definedName name="item2502">#REF!</definedName>
    <definedName name="item2503">#REF!</definedName>
    <definedName name="item3001">#REF!</definedName>
    <definedName name="item3002">#REF!</definedName>
    <definedName name="item3003">#REF!</definedName>
    <definedName name="item3201">#REF!</definedName>
    <definedName name="item3202">#REF!</definedName>
    <definedName name="item3203">#REF!</definedName>
    <definedName name="item3301">#REF!</definedName>
    <definedName name="item3302">#REF!</definedName>
    <definedName name="item3303">#REF!</definedName>
    <definedName name="item5201">#REF!</definedName>
    <definedName name="item5202">#REF!</definedName>
    <definedName name="item5203">#REF!</definedName>
    <definedName name="_xlnm.Print_Area" localSheetId="1">'イ　損益計算書 '!$A$1:$DE$66</definedName>
    <definedName name="_xlnm.Print_Area" localSheetId="2">'ウ　貸借対照表'!$A$1:$DH$74</definedName>
    <definedName name="_xlnm.Print_Area" localSheetId="3">'エ　資本的収支に関する調'!$A$1:$DG$58</definedName>
    <definedName name="_xlnm.Print_Area">#REF!</definedName>
    <definedName name="_xlnm.Print_Titles" localSheetId="0">'ア　施設及び業務の概況'!$A:$E</definedName>
    <definedName name="_xlnm.Print_Titles" localSheetId="1">'イ　損益計算書 '!$A:$C</definedName>
    <definedName name="_xlnm.Print_Titles" localSheetId="2">'ウ　貸借対照表'!$A:$F</definedName>
    <definedName name="_xlnm.Print_Titles" localSheetId="3">'エ　資本的収支に関する調'!$A:$E</definedName>
    <definedName name="X01Y07_10">'[2]10(000)'!#REF!</definedName>
    <definedName name="X01Y08_10">'[2]10(000)'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埼玉県</author>
  </authors>
  <commentList>
    <comment ref="DG16" authorId="0" shapeId="0" xr:uid="{E65D08DA-2514-400F-AA5B-B832335D346C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昨年は単純合計してたが、R6決算より重複除く
</t>
        </r>
      </text>
    </comment>
  </commentList>
</comments>
</file>

<file path=xl/sharedStrings.xml><?xml version="1.0" encoding="utf-8"?>
<sst xmlns="http://schemas.openxmlformats.org/spreadsheetml/2006/main" count="2328" uniqueCount="557">
  <si>
    <t>建設事業開始年月日</t>
    <rPh sb="0" eb="2">
      <t>ケンセツ</t>
    </rPh>
    <rPh sb="2" eb="4">
      <t>ジギョウ</t>
    </rPh>
    <rPh sb="4" eb="6">
      <t>カイシ</t>
    </rPh>
    <rPh sb="6" eb="9">
      <t>ネンガッピ</t>
    </rPh>
    <phoneticPr fontId="5"/>
  </si>
  <si>
    <t>供用開始年月日</t>
    <rPh sb="0" eb="2">
      <t>キョウヨウ</t>
    </rPh>
    <rPh sb="2" eb="4">
      <t>カイシ</t>
    </rPh>
    <rPh sb="4" eb="7">
      <t>ネンガッピ</t>
    </rPh>
    <phoneticPr fontId="5"/>
  </si>
  <si>
    <t>法適用年月日</t>
    <rPh sb="0" eb="1">
      <t>ホウ</t>
    </rPh>
    <rPh sb="1" eb="3">
      <t>テキヨウ</t>
    </rPh>
    <rPh sb="3" eb="6">
      <t>ネンガッピ</t>
    </rPh>
    <phoneticPr fontId="5"/>
  </si>
  <si>
    <t>法適用区分</t>
    <rPh sb="0" eb="1">
      <t>ホウ</t>
    </rPh>
    <rPh sb="1" eb="3">
      <t>テキヨウ</t>
    </rPh>
    <rPh sb="3" eb="5">
      <t>クブン</t>
    </rPh>
    <phoneticPr fontId="5"/>
  </si>
  <si>
    <t>管理者設置の有無</t>
    <rPh sb="0" eb="3">
      <t>カンリシャ</t>
    </rPh>
    <rPh sb="3" eb="5">
      <t>セッチ</t>
    </rPh>
    <rPh sb="6" eb="8">
      <t>ウム</t>
    </rPh>
    <phoneticPr fontId="5"/>
  </si>
  <si>
    <t>普及状況</t>
    <rPh sb="0" eb="2">
      <t>フキュウ</t>
    </rPh>
    <rPh sb="2" eb="4">
      <t>ジョウキョウ</t>
    </rPh>
    <phoneticPr fontId="5"/>
  </si>
  <si>
    <t>行政区域内人口(A)(人)</t>
    <rPh sb="0" eb="2">
      <t>ギョウセイ</t>
    </rPh>
    <rPh sb="2" eb="5">
      <t>クイキナイ</t>
    </rPh>
    <rPh sb="5" eb="7">
      <t>ジンコウ</t>
    </rPh>
    <rPh sb="11" eb="12">
      <t>ニン</t>
    </rPh>
    <phoneticPr fontId="5"/>
  </si>
  <si>
    <t>市街地人口(人)</t>
    <rPh sb="0" eb="3">
      <t>シガイチ</t>
    </rPh>
    <rPh sb="3" eb="5">
      <t>ジンコウ</t>
    </rPh>
    <rPh sb="6" eb="7">
      <t>ニン</t>
    </rPh>
    <phoneticPr fontId="5"/>
  </si>
  <si>
    <t>全体計画人口(人)</t>
    <rPh sb="0" eb="2">
      <t>ゼンタイ</t>
    </rPh>
    <rPh sb="2" eb="4">
      <t>ケイカク</t>
    </rPh>
    <rPh sb="4" eb="6">
      <t>ジンコウ</t>
    </rPh>
    <rPh sb="7" eb="8">
      <t>ニン</t>
    </rPh>
    <phoneticPr fontId="5"/>
  </si>
  <si>
    <t>現在排水区域内人口(人)</t>
    <rPh sb="0" eb="2">
      <t>ゲンザイ</t>
    </rPh>
    <rPh sb="2" eb="4">
      <t>ハイスイ</t>
    </rPh>
    <rPh sb="4" eb="7">
      <t>クイキナイ</t>
    </rPh>
    <rPh sb="7" eb="9">
      <t>ジンコウ</t>
    </rPh>
    <rPh sb="10" eb="11">
      <t>ニン</t>
    </rPh>
    <phoneticPr fontId="5"/>
  </si>
  <si>
    <t>現在処理区域内人口(B)(人)</t>
    <rPh sb="0" eb="2">
      <t>ゲンザイ</t>
    </rPh>
    <rPh sb="2" eb="4">
      <t>ショリ</t>
    </rPh>
    <rPh sb="4" eb="7">
      <t>クイキナイ</t>
    </rPh>
    <rPh sb="7" eb="9">
      <t>ジンコウ</t>
    </rPh>
    <rPh sb="13" eb="14">
      <t>ニン</t>
    </rPh>
    <phoneticPr fontId="5"/>
  </si>
  <si>
    <t>現在水洗便所設置済人口(C)(人)</t>
    <rPh sb="0" eb="2">
      <t>ゲンザイ</t>
    </rPh>
    <rPh sb="2" eb="4">
      <t>スイセン</t>
    </rPh>
    <rPh sb="4" eb="6">
      <t>ベンジョ</t>
    </rPh>
    <rPh sb="6" eb="8">
      <t>セッチ</t>
    </rPh>
    <rPh sb="8" eb="9">
      <t>ズ</t>
    </rPh>
    <rPh sb="9" eb="11">
      <t>ジンコウ</t>
    </rPh>
    <rPh sb="15" eb="16">
      <t>ニン</t>
    </rPh>
    <phoneticPr fontId="5"/>
  </si>
  <si>
    <t>普及率 (B/A)×100(%)</t>
    <rPh sb="0" eb="2">
      <t>フキュウ</t>
    </rPh>
    <rPh sb="2" eb="3">
      <t>リツ</t>
    </rPh>
    <phoneticPr fontId="5"/>
  </si>
  <si>
    <t>行政区域面積(ha)</t>
    <rPh sb="0" eb="2">
      <t>ギョウセイ</t>
    </rPh>
    <rPh sb="2" eb="4">
      <t>クイキ</t>
    </rPh>
    <rPh sb="4" eb="6">
      <t>メンセキ</t>
    </rPh>
    <phoneticPr fontId="5"/>
  </si>
  <si>
    <t>市街地面積(ha)</t>
    <rPh sb="0" eb="3">
      <t>シガイチ</t>
    </rPh>
    <rPh sb="3" eb="5">
      <t>メンセキ</t>
    </rPh>
    <phoneticPr fontId="5"/>
  </si>
  <si>
    <t>全体計画面積(ha)</t>
    <rPh sb="0" eb="2">
      <t>ゼンタイ</t>
    </rPh>
    <rPh sb="2" eb="4">
      <t>ケイカク</t>
    </rPh>
    <rPh sb="4" eb="6">
      <t>メンセキ</t>
    </rPh>
    <phoneticPr fontId="5"/>
  </si>
  <si>
    <t>現在排水区域面積(ha)</t>
    <rPh sb="0" eb="2">
      <t>ゲンザイ</t>
    </rPh>
    <rPh sb="2" eb="4">
      <t>ハイスイ</t>
    </rPh>
    <rPh sb="4" eb="6">
      <t>クイキ</t>
    </rPh>
    <rPh sb="6" eb="8">
      <t>メンセキ</t>
    </rPh>
    <phoneticPr fontId="5"/>
  </si>
  <si>
    <t>現在処理区域面積(ha)</t>
    <rPh sb="0" eb="2">
      <t>ゲンザイ</t>
    </rPh>
    <rPh sb="2" eb="4">
      <t>ショリ</t>
    </rPh>
    <rPh sb="4" eb="6">
      <t>クイキ</t>
    </rPh>
    <rPh sb="6" eb="8">
      <t>メンセキ</t>
    </rPh>
    <phoneticPr fontId="5"/>
  </si>
  <si>
    <t>国庫補助金</t>
    <rPh sb="0" eb="2">
      <t>コッコ</t>
    </rPh>
    <rPh sb="2" eb="5">
      <t>ホジョキン</t>
    </rPh>
    <phoneticPr fontId="5"/>
  </si>
  <si>
    <t>企業債</t>
    <rPh sb="0" eb="2">
      <t>キギョウ</t>
    </rPh>
    <rPh sb="2" eb="3">
      <t>サイ</t>
    </rPh>
    <phoneticPr fontId="5"/>
  </si>
  <si>
    <t>その他</t>
    <rPh sb="2" eb="3">
      <t>タ</t>
    </rPh>
    <phoneticPr fontId="5"/>
  </si>
  <si>
    <t>管渠費</t>
    <rPh sb="0" eb="1">
      <t>カン</t>
    </rPh>
    <rPh sb="1" eb="2">
      <t>キョ</t>
    </rPh>
    <rPh sb="2" eb="3">
      <t>ヒ</t>
    </rPh>
    <phoneticPr fontId="5"/>
  </si>
  <si>
    <t>ポンプ場費</t>
    <rPh sb="3" eb="4">
      <t>ジョウ</t>
    </rPh>
    <rPh sb="4" eb="5">
      <t>ヒ</t>
    </rPh>
    <phoneticPr fontId="5"/>
  </si>
  <si>
    <t>下水管布設延長(km)</t>
    <rPh sb="0" eb="3">
      <t>ゲスイカン</t>
    </rPh>
    <rPh sb="3" eb="5">
      <t>フセツ</t>
    </rPh>
    <rPh sb="5" eb="7">
      <t>エンチョウ</t>
    </rPh>
    <phoneticPr fontId="5"/>
  </si>
  <si>
    <t>種別</t>
    <rPh sb="0" eb="2">
      <t>シュベツ</t>
    </rPh>
    <phoneticPr fontId="5"/>
  </si>
  <si>
    <t>汚水管</t>
    <rPh sb="0" eb="2">
      <t>オスイ</t>
    </rPh>
    <rPh sb="2" eb="3">
      <t>カン</t>
    </rPh>
    <phoneticPr fontId="5"/>
  </si>
  <si>
    <t>雨水管</t>
    <rPh sb="0" eb="3">
      <t>ウスイカン</t>
    </rPh>
    <phoneticPr fontId="5"/>
  </si>
  <si>
    <t>合流管</t>
    <rPh sb="0" eb="2">
      <t>ゴウリュウ</t>
    </rPh>
    <rPh sb="2" eb="3">
      <t>カン</t>
    </rPh>
    <phoneticPr fontId="5"/>
  </si>
  <si>
    <t>未供用</t>
    <rPh sb="0" eb="1">
      <t>ミ</t>
    </rPh>
    <rPh sb="1" eb="3">
      <t>キョウヨウ</t>
    </rPh>
    <phoneticPr fontId="5"/>
  </si>
  <si>
    <t>処理状況</t>
    <rPh sb="0" eb="2">
      <t>ショリ</t>
    </rPh>
    <rPh sb="2" eb="4">
      <t>ジョウキョウ</t>
    </rPh>
    <phoneticPr fontId="5"/>
  </si>
  <si>
    <t>終末処理場数</t>
    <rPh sb="0" eb="2">
      <t>シュウマツ</t>
    </rPh>
    <rPh sb="2" eb="4">
      <t>ショリ</t>
    </rPh>
    <rPh sb="4" eb="6">
      <t>バカズ</t>
    </rPh>
    <phoneticPr fontId="5"/>
  </si>
  <si>
    <t>計画処理能力(㎥/日)</t>
    <rPh sb="0" eb="2">
      <t>ケイカク</t>
    </rPh>
    <rPh sb="2" eb="4">
      <t>ショリ</t>
    </rPh>
    <rPh sb="4" eb="6">
      <t>ノウリョク</t>
    </rPh>
    <rPh sb="9" eb="10">
      <t>ニチ</t>
    </rPh>
    <phoneticPr fontId="5"/>
  </si>
  <si>
    <t>現在処
理能力</t>
    <rPh sb="0" eb="2">
      <t>ゲンザイ</t>
    </rPh>
    <rPh sb="2" eb="3">
      <t>トコロ</t>
    </rPh>
    <rPh sb="4" eb="5">
      <t>リ</t>
    </rPh>
    <rPh sb="5" eb="7">
      <t>ノウリョク</t>
    </rPh>
    <phoneticPr fontId="5"/>
  </si>
  <si>
    <t>晴天時(㎥/日)</t>
    <rPh sb="0" eb="2">
      <t>セイテン</t>
    </rPh>
    <rPh sb="2" eb="3">
      <t>ジ</t>
    </rPh>
    <phoneticPr fontId="5"/>
  </si>
  <si>
    <t>雨天時(㎥/分)</t>
    <rPh sb="0" eb="2">
      <t>ウテン</t>
    </rPh>
    <rPh sb="2" eb="3">
      <t>ジ</t>
    </rPh>
    <rPh sb="6" eb="7">
      <t>フン</t>
    </rPh>
    <phoneticPr fontId="5"/>
  </si>
  <si>
    <t>年間総処理水量(㎥)</t>
    <rPh sb="0" eb="2">
      <t>ネンカン</t>
    </rPh>
    <rPh sb="2" eb="3">
      <t>ソウ</t>
    </rPh>
    <rPh sb="3" eb="5">
      <t>ショリ</t>
    </rPh>
    <rPh sb="5" eb="6">
      <t>スイ</t>
    </rPh>
    <rPh sb="6" eb="7">
      <t>リョウ</t>
    </rPh>
    <phoneticPr fontId="5"/>
  </si>
  <si>
    <t>汚水処理水量</t>
    <rPh sb="0" eb="2">
      <t>オスイ</t>
    </rPh>
    <rPh sb="2" eb="4">
      <t>ショリ</t>
    </rPh>
    <rPh sb="4" eb="5">
      <t>スイ</t>
    </rPh>
    <rPh sb="5" eb="6">
      <t>リョウ</t>
    </rPh>
    <phoneticPr fontId="5"/>
  </si>
  <si>
    <t>雨水処理水量</t>
    <rPh sb="0" eb="2">
      <t>ウスイ</t>
    </rPh>
    <rPh sb="2" eb="4">
      <t>ショリ</t>
    </rPh>
    <rPh sb="4" eb="5">
      <t>スイ</t>
    </rPh>
    <rPh sb="5" eb="6">
      <t>リョウ</t>
    </rPh>
    <phoneticPr fontId="5"/>
  </si>
  <si>
    <t>年間有収水量(㎥)</t>
    <rPh sb="0" eb="2">
      <t>ネンカン</t>
    </rPh>
    <rPh sb="2" eb="3">
      <t>ユウ</t>
    </rPh>
    <rPh sb="3" eb="4">
      <t>シュウ</t>
    </rPh>
    <rPh sb="4" eb="5">
      <t>スイ</t>
    </rPh>
    <rPh sb="5" eb="6">
      <t>リョウ</t>
    </rPh>
    <phoneticPr fontId="5"/>
  </si>
  <si>
    <t>ポンプ場数</t>
    <rPh sb="3" eb="4">
      <t>ジョウ</t>
    </rPh>
    <rPh sb="4" eb="5">
      <t>スウ</t>
    </rPh>
    <phoneticPr fontId="5"/>
  </si>
  <si>
    <t>排水
能力</t>
    <rPh sb="0" eb="2">
      <t>ハイスイ</t>
    </rPh>
    <rPh sb="3" eb="5">
      <t>ノウリョク</t>
    </rPh>
    <phoneticPr fontId="5"/>
  </si>
  <si>
    <t>職員数</t>
    <rPh sb="0" eb="3">
      <t>ショクインスウ</t>
    </rPh>
    <phoneticPr fontId="5"/>
  </si>
  <si>
    <t>損益勘定所属職員(人)</t>
    <rPh sb="0" eb="2">
      <t>ソンエキ</t>
    </rPh>
    <rPh sb="2" eb="4">
      <t>カンジョウ</t>
    </rPh>
    <rPh sb="4" eb="6">
      <t>ショゾク</t>
    </rPh>
    <rPh sb="6" eb="8">
      <t>ショクイン</t>
    </rPh>
    <rPh sb="9" eb="10">
      <t>ニン</t>
    </rPh>
    <phoneticPr fontId="5"/>
  </si>
  <si>
    <t>資本勘定所属職員(人)</t>
    <rPh sb="0" eb="2">
      <t>シホン</t>
    </rPh>
    <rPh sb="2" eb="4">
      <t>カンジョウ</t>
    </rPh>
    <rPh sb="4" eb="6">
      <t>ショゾク</t>
    </rPh>
    <rPh sb="6" eb="8">
      <t>ショクイン</t>
    </rPh>
    <rPh sb="9" eb="10">
      <t>ニン</t>
    </rPh>
    <phoneticPr fontId="5"/>
  </si>
  <si>
    <t>計</t>
    <rPh sb="0" eb="1">
      <t>ケイ</t>
    </rPh>
    <phoneticPr fontId="5"/>
  </si>
  <si>
    <t>合流管比率</t>
    <rPh sb="0" eb="2">
      <t>ゴウリュウ</t>
    </rPh>
    <rPh sb="2" eb="3">
      <t>カン</t>
    </rPh>
    <rPh sb="3" eb="5">
      <t>ヒリツ</t>
    </rPh>
    <phoneticPr fontId="5"/>
  </si>
  <si>
    <t>公共</t>
  </si>
  <si>
    <t>収益的支出に充てた企業債</t>
  </si>
  <si>
    <t>収益的支出に充てた他会計借入金</t>
  </si>
  <si>
    <t>総収益 a</t>
    <rPh sb="0" eb="3">
      <t>ソウシュウエキ</t>
    </rPh>
    <phoneticPr fontId="5"/>
  </si>
  <si>
    <t>営業収益 b</t>
    <rPh sb="0" eb="2">
      <t>エイギョウ</t>
    </rPh>
    <rPh sb="2" eb="4">
      <t>シュウエキ</t>
    </rPh>
    <phoneticPr fontId="5"/>
  </si>
  <si>
    <t>下水道使用料</t>
    <rPh sb="0" eb="2">
      <t>ゲスイ</t>
    </rPh>
    <rPh sb="2" eb="3">
      <t>ドウ</t>
    </rPh>
    <rPh sb="3" eb="6">
      <t>シヨウリョウ</t>
    </rPh>
    <phoneticPr fontId="5"/>
  </si>
  <si>
    <t>雨水処理負担金</t>
    <rPh sb="0" eb="2">
      <t>ウスイ</t>
    </rPh>
    <rPh sb="2" eb="4">
      <t>ショリ</t>
    </rPh>
    <rPh sb="4" eb="7">
      <t>フタンキン</t>
    </rPh>
    <phoneticPr fontId="5"/>
  </si>
  <si>
    <t>受託工事収益</t>
    <rPh sb="0" eb="2">
      <t>ジュタク</t>
    </rPh>
    <rPh sb="2" eb="4">
      <t>コウジ</t>
    </rPh>
    <rPh sb="4" eb="6">
      <t>シュウエキ</t>
    </rPh>
    <phoneticPr fontId="5"/>
  </si>
  <si>
    <t>その他営業収益</t>
    <rPh sb="2" eb="3">
      <t>タ</t>
    </rPh>
    <rPh sb="3" eb="5">
      <t>エイギョウ</t>
    </rPh>
    <rPh sb="5" eb="7">
      <t>シュウエキ</t>
    </rPh>
    <phoneticPr fontId="5"/>
  </si>
  <si>
    <t>営業外収益 c</t>
    <rPh sb="0" eb="3">
      <t>エイギョウガイ</t>
    </rPh>
    <rPh sb="3" eb="5">
      <t>シュウエキ</t>
    </rPh>
    <phoneticPr fontId="5"/>
  </si>
  <si>
    <t>受取利息･配当金</t>
    <rPh sb="0" eb="2">
      <t>ウケトリ</t>
    </rPh>
    <rPh sb="2" eb="4">
      <t>リソク</t>
    </rPh>
    <rPh sb="5" eb="8">
      <t>ハイトウキン</t>
    </rPh>
    <phoneticPr fontId="5"/>
  </si>
  <si>
    <t>県補助金</t>
    <rPh sb="0" eb="1">
      <t>ケン</t>
    </rPh>
    <rPh sb="1" eb="4">
      <t>ホジョキン</t>
    </rPh>
    <phoneticPr fontId="5"/>
  </si>
  <si>
    <t>他会計補助金</t>
    <rPh sb="0" eb="1">
      <t>タ</t>
    </rPh>
    <rPh sb="1" eb="3">
      <t>カイケイ</t>
    </rPh>
    <rPh sb="3" eb="6">
      <t>ホジョキン</t>
    </rPh>
    <phoneticPr fontId="5"/>
  </si>
  <si>
    <t>雑収益</t>
    <rPh sb="0" eb="3">
      <t>ザツシュウエキ</t>
    </rPh>
    <phoneticPr fontId="5"/>
  </si>
  <si>
    <t>特別利益</t>
    <rPh sb="0" eb="2">
      <t>トクベツ</t>
    </rPh>
    <rPh sb="2" eb="4">
      <t>リエキ</t>
    </rPh>
    <phoneticPr fontId="5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5"/>
  </si>
  <si>
    <t>固定資産売却益</t>
    <rPh sb="0" eb="2">
      <t>コテイ</t>
    </rPh>
    <rPh sb="2" eb="4">
      <t>シサン</t>
    </rPh>
    <rPh sb="4" eb="7">
      <t>バイキャクエキ</t>
    </rPh>
    <phoneticPr fontId="5"/>
  </si>
  <si>
    <t>総費用 d</t>
    <rPh sb="0" eb="3">
      <t>ソウヒヨウ</t>
    </rPh>
    <phoneticPr fontId="5"/>
  </si>
  <si>
    <t>営業費用 e</t>
    <rPh sb="0" eb="2">
      <t>エイギョウ</t>
    </rPh>
    <rPh sb="2" eb="4">
      <t>ヒヨウ</t>
    </rPh>
    <phoneticPr fontId="5"/>
  </si>
  <si>
    <t>処理場費</t>
    <rPh sb="0" eb="2">
      <t>ショリ</t>
    </rPh>
    <rPh sb="2" eb="3">
      <t>ジョウ</t>
    </rPh>
    <rPh sb="3" eb="4">
      <t>ヒ</t>
    </rPh>
    <phoneticPr fontId="5"/>
  </si>
  <si>
    <t>受託工事費</t>
    <rPh sb="0" eb="2">
      <t>ジュタク</t>
    </rPh>
    <rPh sb="2" eb="5">
      <t>コウジヒ</t>
    </rPh>
    <phoneticPr fontId="5"/>
  </si>
  <si>
    <t>業務費</t>
    <rPh sb="0" eb="2">
      <t>ギョウム</t>
    </rPh>
    <rPh sb="2" eb="3">
      <t>ヒ</t>
    </rPh>
    <phoneticPr fontId="5"/>
  </si>
  <si>
    <t>総係費</t>
    <rPh sb="0" eb="3">
      <t>ソウカカリヒ</t>
    </rPh>
    <phoneticPr fontId="5"/>
  </si>
  <si>
    <t>減価償却費</t>
    <rPh sb="0" eb="2">
      <t>ゲンカ</t>
    </rPh>
    <rPh sb="2" eb="4">
      <t>ショウキャク</t>
    </rPh>
    <rPh sb="4" eb="5">
      <t>ヒ</t>
    </rPh>
    <phoneticPr fontId="5"/>
  </si>
  <si>
    <t>資産減耗費</t>
    <rPh sb="0" eb="2">
      <t>シサン</t>
    </rPh>
    <rPh sb="2" eb="4">
      <t>ゲンモウ</t>
    </rPh>
    <rPh sb="4" eb="5">
      <t>ヒ</t>
    </rPh>
    <phoneticPr fontId="5"/>
  </si>
  <si>
    <t>流域下水道管理運営費負担金</t>
    <rPh sb="0" eb="2">
      <t>リュウイキ</t>
    </rPh>
    <rPh sb="2" eb="4">
      <t>ゲスイ</t>
    </rPh>
    <rPh sb="4" eb="5">
      <t>ドウ</t>
    </rPh>
    <rPh sb="5" eb="7">
      <t>カンリ</t>
    </rPh>
    <rPh sb="7" eb="10">
      <t>ウンエイヒ</t>
    </rPh>
    <rPh sb="10" eb="13">
      <t>フタンキン</t>
    </rPh>
    <phoneticPr fontId="5"/>
  </si>
  <si>
    <t>その他営業費用</t>
    <rPh sb="2" eb="3">
      <t>タ</t>
    </rPh>
    <rPh sb="3" eb="5">
      <t>エイギョウ</t>
    </rPh>
    <rPh sb="5" eb="7">
      <t>ヒヨウ</t>
    </rPh>
    <phoneticPr fontId="5"/>
  </si>
  <si>
    <t>営業外費用 f</t>
    <rPh sb="0" eb="3">
      <t>エイギョウガイ</t>
    </rPh>
    <rPh sb="3" eb="5">
      <t>ヒヨウ</t>
    </rPh>
    <phoneticPr fontId="5"/>
  </si>
  <si>
    <t>支払利息</t>
    <rPh sb="0" eb="2">
      <t>シハライ</t>
    </rPh>
    <rPh sb="2" eb="4">
      <t>リソク</t>
    </rPh>
    <phoneticPr fontId="5"/>
  </si>
  <si>
    <t>企業債取扱諸費</t>
    <rPh sb="0" eb="2">
      <t>キギョウ</t>
    </rPh>
    <rPh sb="2" eb="3">
      <t>サイ</t>
    </rPh>
    <rPh sb="3" eb="5">
      <t>トリアツカイ</t>
    </rPh>
    <rPh sb="5" eb="6">
      <t>ショ</t>
    </rPh>
    <rPh sb="6" eb="7">
      <t>ヒ</t>
    </rPh>
    <phoneticPr fontId="5"/>
  </si>
  <si>
    <t>繰延勘定償却</t>
    <rPh sb="0" eb="2">
      <t>クリノベ</t>
    </rPh>
    <rPh sb="2" eb="4">
      <t>カンジョウ</t>
    </rPh>
    <rPh sb="4" eb="6">
      <t>ショウキャク</t>
    </rPh>
    <phoneticPr fontId="5"/>
  </si>
  <si>
    <t>その他営業外費用</t>
    <rPh sb="2" eb="3">
      <t>タ</t>
    </rPh>
    <rPh sb="3" eb="6">
      <t>エイギョウガイ</t>
    </rPh>
    <rPh sb="6" eb="8">
      <t>ヒヨウ</t>
    </rPh>
    <phoneticPr fontId="5"/>
  </si>
  <si>
    <t>特別損失</t>
    <rPh sb="0" eb="2">
      <t>トクベツ</t>
    </rPh>
    <rPh sb="2" eb="4">
      <t>ソンシツ</t>
    </rPh>
    <phoneticPr fontId="5"/>
  </si>
  <si>
    <t>職員給与費</t>
    <rPh sb="0" eb="2">
      <t>ショクイン</t>
    </rPh>
    <rPh sb="2" eb="4">
      <t>キュウヨ</t>
    </rPh>
    <rPh sb="4" eb="5">
      <t>ヒ</t>
    </rPh>
    <phoneticPr fontId="5"/>
  </si>
  <si>
    <t>経常利益 (b＋c)－(e＋f)</t>
    <rPh sb="0" eb="2">
      <t>ケイジョウ</t>
    </rPh>
    <rPh sb="2" eb="4">
      <t>リエキ</t>
    </rPh>
    <phoneticPr fontId="5"/>
  </si>
  <si>
    <t>純利益 (a－d)</t>
    <rPh sb="0" eb="3">
      <t>ジュンリエキ</t>
    </rPh>
    <phoneticPr fontId="5"/>
  </si>
  <si>
    <t>前年度繰越利益剰余金</t>
    <rPh sb="0" eb="3">
      <t>ゼンネンド</t>
    </rPh>
    <rPh sb="3" eb="5">
      <t>クリコシ</t>
    </rPh>
    <rPh sb="5" eb="7">
      <t>リエキ</t>
    </rPh>
    <rPh sb="7" eb="10">
      <t>ジョウヨキン</t>
    </rPh>
    <phoneticPr fontId="5"/>
  </si>
  <si>
    <t>当年度未処分利益剰余金</t>
    <rPh sb="0" eb="1">
      <t>トウ</t>
    </rPh>
    <rPh sb="1" eb="3">
      <t>ネンド</t>
    </rPh>
    <rPh sb="3" eb="6">
      <t>ミショブン</t>
    </rPh>
    <rPh sb="6" eb="8">
      <t>リエキ</t>
    </rPh>
    <rPh sb="8" eb="11">
      <t>ジョウヨキン</t>
    </rPh>
    <phoneticPr fontId="5"/>
  </si>
  <si>
    <t>他会計繰入金合計</t>
    <rPh sb="0" eb="3">
      <t>タカイケイ</t>
    </rPh>
    <rPh sb="3" eb="6">
      <t>クリイレキン</t>
    </rPh>
    <rPh sb="6" eb="8">
      <t>ゴウケイ</t>
    </rPh>
    <phoneticPr fontId="6"/>
  </si>
  <si>
    <t>繰出基準に基づく繰入金</t>
    <rPh sb="0" eb="2">
      <t>クリダ</t>
    </rPh>
    <rPh sb="2" eb="4">
      <t>キジュン</t>
    </rPh>
    <rPh sb="5" eb="6">
      <t>モト</t>
    </rPh>
    <rPh sb="8" eb="11">
      <t>クリイレキン</t>
    </rPh>
    <phoneticPr fontId="6"/>
  </si>
  <si>
    <t>繰出基準以外の繰入金</t>
    <rPh sb="0" eb="2">
      <t>クリダ</t>
    </rPh>
    <rPh sb="2" eb="4">
      <t>キジュン</t>
    </rPh>
    <rPh sb="4" eb="6">
      <t>イガイ</t>
    </rPh>
    <rPh sb="7" eb="10">
      <t>クリイレキン</t>
    </rPh>
    <phoneticPr fontId="6"/>
  </si>
  <si>
    <t>繰出基準に係る上乗せ繰入</t>
    <rPh sb="0" eb="2">
      <t>クリダ</t>
    </rPh>
    <rPh sb="2" eb="4">
      <t>キジュン</t>
    </rPh>
    <rPh sb="5" eb="6">
      <t>カカ</t>
    </rPh>
    <rPh sb="7" eb="9">
      <t>ウワノ</t>
    </rPh>
    <rPh sb="10" eb="12">
      <t>クリイレ</t>
    </rPh>
    <phoneticPr fontId="6"/>
  </si>
  <si>
    <t>繰出基準事由以外の繰入</t>
    <rPh sb="0" eb="2">
      <t>クリダ</t>
    </rPh>
    <rPh sb="2" eb="4">
      <t>キジュン</t>
    </rPh>
    <rPh sb="4" eb="6">
      <t>ジユウ</t>
    </rPh>
    <rPh sb="6" eb="8">
      <t>イガイ</t>
    </rPh>
    <rPh sb="9" eb="11">
      <t>クリイレ</t>
    </rPh>
    <phoneticPr fontId="6"/>
  </si>
  <si>
    <t>資産</t>
    <rPh sb="0" eb="2">
      <t>シサン</t>
    </rPh>
    <phoneticPr fontId="5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5"/>
  </si>
  <si>
    <t>一時借入金</t>
    <rPh sb="0" eb="2">
      <t>イチジ</t>
    </rPh>
    <rPh sb="2" eb="4">
      <t>カリイレ</t>
    </rPh>
    <rPh sb="4" eb="5">
      <t>キン</t>
    </rPh>
    <phoneticPr fontId="5"/>
  </si>
  <si>
    <t>資本</t>
    <rPh sb="0" eb="2">
      <t>シホン</t>
    </rPh>
    <phoneticPr fontId="5"/>
  </si>
  <si>
    <t>工事負担金</t>
    <rPh sb="0" eb="2">
      <t>コウジ</t>
    </rPh>
    <rPh sb="2" eb="5">
      <t>フタンキン</t>
    </rPh>
    <phoneticPr fontId="5"/>
  </si>
  <si>
    <t>剰余金等</t>
    <rPh sb="0" eb="4">
      <t>ジョウヨキントウ</t>
    </rPh>
    <phoneticPr fontId="5"/>
  </si>
  <si>
    <t>うち</t>
    <phoneticPr fontId="5"/>
  </si>
  <si>
    <t>資本的収入</t>
    <rPh sb="0" eb="3">
      <t>シホンテキ</t>
    </rPh>
    <rPh sb="3" eb="5">
      <t>シュウニュウ</t>
    </rPh>
    <phoneticPr fontId="5"/>
  </si>
  <si>
    <t>建設改良のための企業債</t>
    <rPh sb="0" eb="2">
      <t>ケンセツ</t>
    </rPh>
    <rPh sb="2" eb="4">
      <t>カイリョウ</t>
    </rPh>
    <rPh sb="8" eb="10">
      <t>キギョウ</t>
    </rPh>
    <rPh sb="10" eb="11">
      <t>サイ</t>
    </rPh>
    <phoneticPr fontId="5"/>
  </si>
  <si>
    <t>うち資本費平準化債</t>
    <rPh sb="2" eb="4">
      <t>シホン</t>
    </rPh>
    <rPh sb="4" eb="5">
      <t>ヒ</t>
    </rPh>
    <rPh sb="5" eb="8">
      <t>ヘイジュンカ</t>
    </rPh>
    <rPh sb="8" eb="9">
      <t>サイ</t>
    </rPh>
    <phoneticPr fontId="5"/>
  </si>
  <si>
    <t>他会計出資金</t>
    <rPh sb="0" eb="1">
      <t>タ</t>
    </rPh>
    <rPh sb="1" eb="3">
      <t>カイケイ</t>
    </rPh>
    <rPh sb="3" eb="6">
      <t>シュッシキン</t>
    </rPh>
    <phoneticPr fontId="5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5"/>
  </si>
  <si>
    <t>計 (a)</t>
    <rPh sb="0" eb="1">
      <t>ケイ</t>
    </rPh>
    <phoneticPr fontId="5"/>
  </si>
  <si>
    <t>翌年度へ繰越される</t>
    <rPh sb="0" eb="3">
      <t>ヨクネンド</t>
    </rPh>
    <rPh sb="4" eb="6">
      <t>クリコ</t>
    </rPh>
    <phoneticPr fontId="5"/>
  </si>
  <si>
    <t>支出の財源充当額 (b)</t>
    <rPh sb="0" eb="2">
      <t>シシュツ</t>
    </rPh>
    <rPh sb="3" eb="5">
      <t>ザイゲン</t>
    </rPh>
    <rPh sb="5" eb="7">
      <t>ジュウトウ</t>
    </rPh>
    <rPh sb="7" eb="8">
      <t>ガク</t>
    </rPh>
    <phoneticPr fontId="5"/>
  </si>
  <si>
    <t>純計 (a)-{(b)+(c)} (d)</t>
    <rPh sb="0" eb="2">
      <t>ジュンケイ</t>
    </rPh>
    <phoneticPr fontId="5"/>
  </si>
  <si>
    <t>資本的支出</t>
    <rPh sb="0" eb="3">
      <t>シホンテキ</t>
    </rPh>
    <rPh sb="3" eb="5">
      <t>シシュツ</t>
    </rPh>
    <phoneticPr fontId="5"/>
  </si>
  <si>
    <t>建設改良費</t>
    <rPh sb="0" eb="2">
      <t>ケンセツ</t>
    </rPh>
    <rPh sb="2" eb="4">
      <t>カイリョウ</t>
    </rPh>
    <rPh sb="4" eb="5">
      <t>ヒ</t>
    </rPh>
    <phoneticPr fontId="5"/>
  </si>
  <si>
    <t>建設利息</t>
    <rPh sb="0" eb="2">
      <t>ケンセツ</t>
    </rPh>
    <rPh sb="2" eb="4">
      <t>リソク</t>
    </rPh>
    <phoneticPr fontId="5"/>
  </si>
  <si>
    <t>企業債償還金</t>
    <rPh sb="0" eb="2">
      <t>キギョウ</t>
    </rPh>
    <rPh sb="2" eb="3">
      <t>サイ</t>
    </rPh>
    <rPh sb="3" eb="6">
      <t>ショウカンキン</t>
    </rPh>
    <phoneticPr fontId="5"/>
  </si>
  <si>
    <t>他会計からの長期借入金返還金</t>
    <rPh sb="0" eb="1">
      <t>タ</t>
    </rPh>
    <rPh sb="1" eb="3">
      <t>カイケイ</t>
    </rPh>
    <rPh sb="6" eb="8">
      <t>チョウキ</t>
    </rPh>
    <rPh sb="8" eb="10">
      <t>カリイレ</t>
    </rPh>
    <rPh sb="10" eb="11">
      <t>キン</t>
    </rPh>
    <rPh sb="11" eb="13">
      <t>ヘンカン</t>
    </rPh>
    <rPh sb="13" eb="14">
      <t>キン</t>
    </rPh>
    <phoneticPr fontId="5"/>
  </si>
  <si>
    <t>計 (e)</t>
    <rPh sb="0" eb="1">
      <t>ケイ</t>
    </rPh>
    <phoneticPr fontId="5"/>
  </si>
  <si>
    <t>差引
(d)-(e)</t>
    <rPh sb="0" eb="2">
      <t>サシヒキ</t>
    </rPh>
    <phoneticPr fontId="5"/>
  </si>
  <si>
    <t>差額</t>
    <rPh sb="0" eb="2">
      <t>サガク</t>
    </rPh>
    <phoneticPr fontId="5"/>
  </si>
  <si>
    <t>補てん財源</t>
    <rPh sb="0" eb="1">
      <t>ホ</t>
    </rPh>
    <rPh sb="3" eb="5">
      <t>ザイゲン</t>
    </rPh>
    <phoneticPr fontId="5"/>
  </si>
  <si>
    <t>過年度分損益勘定留保資金</t>
    <rPh sb="0" eb="1">
      <t>カ</t>
    </rPh>
    <rPh sb="1" eb="3">
      <t>ネンド</t>
    </rPh>
    <rPh sb="3" eb="4">
      <t>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5"/>
  </si>
  <si>
    <t>当年度分損益勘定留保資金</t>
    <rPh sb="0" eb="1">
      <t>トウ</t>
    </rPh>
    <rPh sb="1" eb="4">
      <t>ネンド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5"/>
  </si>
  <si>
    <t>繰越利益剰余金処分額</t>
    <rPh sb="0" eb="2">
      <t>クリコシ</t>
    </rPh>
    <rPh sb="2" eb="4">
      <t>リエキ</t>
    </rPh>
    <rPh sb="4" eb="7">
      <t>ジョウヨキン</t>
    </rPh>
    <rPh sb="7" eb="9">
      <t>ショブン</t>
    </rPh>
    <rPh sb="9" eb="10">
      <t>ガク</t>
    </rPh>
    <phoneticPr fontId="5"/>
  </si>
  <si>
    <t>当年度利益剰余金処分額</t>
    <rPh sb="0" eb="1">
      <t>トウ</t>
    </rPh>
    <rPh sb="1" eb="3">
      <t>ネンド</t>
    </rPh>
    <rPh sb="3" eb="5">
      <t>リエキ</t>
    </rPh>
    <rPh sb="5" eb="8">
      <t>ジョウヨキン</t>
    </rPh>
    <rPh sb="8" eb="10">
      <t>ショブン</t>
    </rPh>
    <rPh sb="10" eb="11">
      <t>ガク</t>
    </rPh>
    <phoneticPr fontId="5"/>
  </si>
  <si>
    <t>積立金取りくずし額</t>
    <rPh sb="0" eb="2">
      <t>ツミタテ</t>
    </rPh>
    <rPh sb="2" eb="3">
      <t>キン</t>
    </rPh>
    <rPh sb="3" eb="4">
      <t>ト</t>
    </rPh>
    <rPh sb="8" eb="9">
      <t>ガク</t>
    </rPh>
    <phoneticPr fontId="5"/>
  </si>
  <si>
    <t>繰越工事資金</t>
    <rPh sb="0" eb="2">
      <t>クリコシ</t>
    </rPh>
    <rPh sb="2" eb="4">
      <t>コウジ</t>
    </rPh>
    <rPh sb="4" eb="6">
      <t>シキン</t>
    </rPh>
    <phoneticPr fontId="5"/>
  </si>
  <si>
    <t>計 (g)</t>
    <rPh sb="0" eb="1">
      <t>ケイ</t>
    </rPh>
    <phoneticPr fontId="5"/>
  </si>
  <si>
    <t>当年度同意等債で未借入または未発行額</t>
    <rPh sb="0" eb="1">
      <t>トウ</t>
    </rPh>
    <rPh sb="1" eb="3">
      <t>ネンド</t>
    </rPh>
    <rPh sb="3" eb="5">
      <t>ドウイ</t>
    </rPh>
    <rPh sb="5" eb="6">
      <t>トウ</t>
    </rPh>
    <rPh sb="6" eb="7">
      <t>サイ</t>
    </rPh>
    <rPh sb="8" eb="9">
      <t>ミ</t>
    </rPh>
    <rPh sb="9" eb="11">
      <t>カリイレ</t>
    </rPh>
    <rPh sb="14" eb="18">
      <t>ミハッコウガク</t>
    </rPh>
    <phoneticPr fontId="5"/>
  </si>
  <si>
    <t>企業債償還金のうち繰上償還金分</t>
    <rPh sb="0" eb="2">
      <t>キギョウ</t>
    </rPh>
    <rPh sb="2" eb="3">
      <t>サイ</t>
    </rPh>
    <rPh sb="3" eb="6">
      <t>ショウカンキン</t>
    </rPh>
    <rPh sb="9" eb="10">
      <t>ク</t>
    </rPh>
    <rPh sb="10" eb="11">
      <t>ア</t>
    </rPh>
    <rPh sb="11" eb="13">
      <t>ショウカン</t>
    </rPh>
    <rPh sb="13" eb="14">
      <t>キン</t>
    </rPh>
    <rPh sb="14" eb="15">
      <t>ブン</t>
    </rPh>
    <phoneticPr fontId="5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5"/>
  </si>
  <si>
    <t>他会計繰入金合計</t>
    <rPh sb="0" eb="1">
      <t>タ</t>
    </rPh>
    <rPh sb="1" eb="3">
      <t>カイケイ</t>
    </rPh>
    <rPh sb="3" eb="5">
      <t>クリイレ</t>
    </rPh>
    <rPh sb="5" eb="6">
      <t>キン</t>
    </rPh>
    <rPh sb="6" eb="8">
      <t>ゴウケイ</t>
    </rPh>
    <phoneticPr fontId="5"/>
  </si>
  <si>
    <t>繰出基準に基づく繰入金</t>
    <rPh sb="0" eb="2">
      <t>クリダシ</t>
    </rPh>
    <rPh sb="2" eb="4">
      <t>キジュン</t>
    </rPh>
    <rPh sb="5" eb="6">
      <t>モト</t>
    </rPh>
    <rPh sb="8" eb="10">
      <t>クリイレ</t>
    </rPh>
    <rPh sb="10" eb="11">
      <t>キン</t>
    </rPh>
    <phoneticPr fontId="5"/>
  </si>
  <si>
    <t>繰出基準以外の繰入金</t>
    <rPh sb="0" eb="2">
      <t>クリダシ</t>
    </rPh>
    <rPh sb="2" eb="4">
      <t>キジュン</t>
    </rPh>
    <rPh sb="4" eb="6">
      <t>イガイ</t>
    </rPh>
    <rPh sb="7" eb="9">
      <t>クリイレ</t>
    </rPh>
    <rPh sb="9" eb="10">
      <t>キン</t>
    </rPh>
    <phoneticPr fontId="5"/>
  </si>
  <si>
    <t>繰出基準に係る上乗せ繰入</t>
    <rPh sb="0" eb="2">
      <t>クリダシ</t>
    </rPh>
    <rPh sb="2" eb="4">
      <t>キジュン</t>
    </rPh>
    <rPh sb="5" eb="6">
      <t>カカ</t>
    </rPh>
    <rPh sb="7" eb="9">
      <t>ウワノ</t>
    </rPh>
    <rPh sb="10" eb="12">
      <t>クリイレ</t>
    </rPh>
    <phoneticPr fontId="5"/>
  </si>
  <si>
    <t>繰出基準事由以外の繰入</t>
    <rPh sb="0" eb="2">
      <t>クリダシ</t>
    </rPh>
    <rPh sb="2" eb="4">
      <t>キジュン</t>
    </rPh>
    <rPh sb="4" eb="6">
      <t>ジユウ</t>
    </rPh>
    <rPh sb="6" eb="8">
      <t>イガイ</t>
    </rPh>
    <rPh sb="9" eb="11">
      <t>クリイレ</t>
    </rPh>
    <phoneticPr fontId="5"/>
  </si>
  <si>
    <t>企業債現在高</t>
    <rPh sb="0" eb="2">
      <t>キギョウ</t>
    </rPh>
    <rPh sb="2" eb="3">
      <t>サイ</t>
    </rPh>
    <rPh sb="3" eb="6">
      <t>ゲンザイダカ</t>
    </rPh>
    <phoneticPr fontId="5"/>
  </si>
  <si>
    <t>総収支比率(%)</t>
    <rPh sb="1" eb="3">
      <t>シュウシ</t>
    </rPh>
    <rPh sb="3" eb="5">
      <t>ヒリツ</t>
    </rPh>
    <phoneticPr fontId="7"/>
  </si>
  <si>
    <t>徴収
方法</t>
    <rPh sb="0" eb="2">
      <t>チョウシュウ</t>
    </rPh>
    <rPh sb="3" eb="5">
      <t>ホウホウ</t>
    </rPh>
    <phoneticPr fontId="5"/>
  </si>
  <si>
    <t>集金制</t>
    <rPh sb="0" eb="2">
      <t>シュウキン</t>
    </rPh>
    <rPh sb="2" eb="3">
      <t>セイ</t>
    </rPh>
    <phoneticPr fontId="5"/>
  </si>
  <si>
    <t>納付制</t>
    <rPh sb="0" eb="2">
      <t>ノウフ</t>
    </rPh>
    <rPh sb="2" eb="3">
      <t>セイ</t>
    </rPh>
    <phoneticPr fontId="5"/>
  </si>
  <si>
    <t>口座振替制</t>
    <rPh sb="0" eb="2">
      <t>コウザ</t>
    </rPh>
    <rPh sb="2" eb="4">
      <t>フリカエ</t>
    </rPh>
    <rPh sb="4" eb="5">
      <t>セイ</t>
    </rPh>
    <phoneticPr fontId="5"/>
  </si>
  <si>
    <t>現行使用料施行年月日</t>
    <rPh sb="0" eb="2">
      <t>ゲンコウ</t>
    </rPh>
    <rPh sb="2" eb="5">
      <t>シヨウリョウ</t>
    </rPh>
    <rPh sb="5" eb="7">
      <t>セコウ</t>
    </rPh>
    <rPh sb="7" eb="10">
      <t>ネンガッピ</t>
    </rPh>
    <phoneticPr fontId="5"/>
  </si>
  <si>
    <t>現行使用料</t>
    <rPh sb="0" eb="2">
      <t>ゲンコウ</t>
    </rPh>
    <rPh sb="2" eb="5">
      <t>シヨウリョウ</t>
    </rPh>
    <phoneticPr fontId="5"/>
  </si>
  <si>
    <t>家庭用</t>
    <rPh sb="0" eb="3">
      <t>カテイヨウ</t>
    </rPh>
    <phoneticPr fontId="5"/>
  </si>
  <si>
    <t>20㎥/月（円）</t>
    <rPh sb="4" eb="5">
      <t>ツキ</t>
    </rPh>
    <rPh sb="6" eb="7">
      <t>エン</t>
    </rPh>
    <phoneticPr fontId="5"/>
  </si>
  <si>
    <t>業務用</t>
    <rPh sb="0" eb="3">
      <t>ギョウムヨウ</t>
    </rPh>
    <phoneticPr fontId="5"/>
  </si>
  <si>
    <t>100㎥/月（円）</t>
    <rPh sb="5" eb="6">
      <t>ツキ</t>
    </rPh>
    <rPh sb="7" eb="8">
      <t>エン</t>
    </rPh>
    <phoneticPr fontId="5"/>
  </si>
  <si>
    <t>500㎥/月（円）</t>
    <rPh sb="5" eb="6">
      <t>ツキ</t>
    </rPh>
    <rPh sb="7" eb="8">
      <t>エン</t>
    </rPh>
    <phoneticPr fontId="5"/>
  </si>
  <si>
    <t>1,000㎥/月（円）</t>
    <rPh sb="7" eb="8">
      <t>ツキ</t>
    </rPh>
    <rPh sb="9" eb="10">
      <t>エン</t>
    </rPh>
    <phoneticPr fontId="5"/>
  </si>
  <si>
    <t>5,000㎥/月（円）</t>
    <rPh sb="7" eb="8">
      <t>ツキ</t>
    </rPh>
    <rPh sb="9" eb="10">
      <t>エン</t>
    </rPh>
    <phoneticPr fontId="5"/>
  </si>
  <si>
    <t>10,000㎥/月（円）</t>
    <rPh sb="8" eb="9">
      <t>ツキ</t>
    </rPh>
    <rPh sb="10" eb="11">
      <t>エン</t>
    </rPh>
    <phoneticPr fontId="5"/>
  </si>
  <si>
    <t>コンビニエンスストア</t>
    <phoneticPr fontId="5"/>
  </si>
  <si>
    <t>クレジットカード</t>
    <phoneticPr fontId="5"/>
  </si>
  <si>
    <t>前年度同意等債で今年度収入分 (c)</t>
    <rPh sb="0" eb="3">
      <t>ゼンネンド</t>
    </rPh>
    <rPh sb="3" eb="5">
      <t>ドウイ</t>
    </rPh>
    <rPh sb="5" eb="6">
      <t>トウ</t>
    </rPh>
    <rPh sb="6" eb="7">
      <t>サイ</t>
    </rPh>
    <rPh sb="8" eb="11">
      <t>コンネンド</t>
    </rPh>
    <rPh sb="11" eb="13">
      <t>シュウニュウ</t>
    </rPh>
    <rPh sb="13" eb="14">
      <t>ブン</t>
    </rPh>
    <phoneticPr fontId="5"/>
  </si>
  <si>
    <t>他会計への支出金</t>
    <rPh sb="0" eb="1">
      <t>タ</t>
    </rPh>
    <rPh sb="1" eb="3">
      <t>カイケイ</t>
    </rPh>
    <rPh sb="5" eb="8">
      <t>シシュツキン</t>
    </rPh>
    <phoneticPr fontId="5"/>
  </si>
  <si>
    <t>処理区域内人口密度</t>
    <rPh sb="0" eb="2">
      <t>ショリ</t>
    </rPh>
    <rPh sb="2" eb="5">
      <t>クイキナイ</t>
    </rPh>
    <rPh sb="5" eb="7">
      <t>ジンコウ</t>
    </rPh>
    <rPh sb="7" eb="9">
      <t>ミツド</t>
    </rPh>
    <phoneticPr fontId="5"/>
  </si>
  <si>
    <t>　　　　　　　　　　　　団体名
　区分</t>
  </si>
  <si>
    <t>特環</t>
    <rPh sb="0" eb="1">
      <t>トク</t>
    </rPh>
    <phoneticPr fontId="8"/>
  </si>
  <si>
    <t>農集</t>
    <rPh sb="0" eb="2">
      <t>ノウシュウ</t>
    </rPh>
    <phoneticPr fontId="8"/>
  </si>
  <si>
    <t>下水道使用料</t>
    <rPh sb="0" eb="3">
      <t>ゲスイドウ</t>
    </rPh>
    <rPh sb="3" eb="6">
      <t>シヨウリョウ</t>
    </rPh>
    <phoneticPr fontId="8"/>
  </si>
  <si>
    <t>使用料収入</t>
    <rPh sb="0" eb="3">
      <t>シヨウリョウ</t>
    </rPh>
    <rPh sb="3" eb="5">
      <t>シュウニュウ</t>
    </rPh>
    <phoneticPr fontId="5"/>
  </si>
  <si>
    <t>汚水処理費</t>
    <rPh sb="0" eb="2">
      <t>オスイ</t>
    </rPh>
    <rPh sb="2" eb="4">
      <t>ショリ</t>
    </rPh>
    <rPh sb="4" eb="5">
      <t>ヒ</t>
    </rPh>
    <phoneticPr fontId="5"/>
  </si>
  <si>
    <t>計</t>
  </si>
  <si>
    <t>特環</t>
  </si>
  <si>
    <t>長期前受金戻入</t>
    <rPh sb="0" eb="2">
      <t>チョウキ</t>
    </rPh>
    <rPh sb="2" eb="4">
      <t>マエウ</t>
    </rPh>
    <rPh sb="4" eb="5">
      <t>キン</t>
    </rPh>
    <rPh sb="5" eb="7">
      <t>レイニュウ</t>
    </rPh>
    <phoneticPr fontId="5"/>
  </si>
  <si>
    <t>資本費繰入収益</t>
    <rPh sb="0" eb="2">
      <t>シホン</t>
    </rPh>
    <rPh sb="2" eb="3">
      <t>ヒ</t>
    </rPh>
    <rPh sb="3" eb="5">
      <t>クリイレ</t>
    </rPh>
    <rPh sb="5" eb="7">
      <t>シュウエキ</t>
    </rPh>
    <phoneticPr fontId="5"/>
  </si>
  <si>
    <t>その他未処分利益剰余金変動額</t>
    <rPh sb="2" eb="3">
      <t>タ</t>
    </rPh>
    <rPh sb="3" eb="6">
      <t>ミショブン</t>
    </rPh>
    <rPh sb="6" eb="8">
      <t>リエキ</t>
    </rPh>
    <rPh sb="8" eb="11">
      <t>ジョウヨキン</t>
    </rPh>
    <rPh sb="11" eb="13">
      <t>ヘンドウ</t>
    </rPh>
    <rPh sb="13" eb="14">
      <t>ガク</t>
    </rPh>
    <phoneticPr fontId="5"/>
  </si>
  <si>
    <t>業務活動によるキャッシュ・フロー</t>
    <rPh sb="0" eb="2">
      <t>ギョウム</t>
    </rPh>
    <rPh sb="2" eb="4">
      <t>カツドウ</t>
    </rPh>
    <phoneticPr fontId="5"/>
  </si>
  <si>
    <t>投資活動によるキャッシュ・フロー</t>
    <rPh sb="0" eb="2">
      <t>トウシ</t>
    </rPh>
    <rPh sb="2" eb="4">
      <t>カツドウ</t>
    </rPh>
    <phoneticPr fontId="5"/>
  </si>
  <si>
    <t>資金に係る交換差額</t>
    <rPh sb="0" eb="2">
      <t>シキン</t>
    </rPh>
    <rPh sb="3" eb="4">
      <t>カカワ</t>
    </rPh>
    <rPh sb="5" eb="7">
      <t>コウカン</t>
    </rPh>
    <rPh sb="7" eb="9">
      <t>サガク</t>
    </rPh>
    <phoneticPr fontId="5"/>
  </si>
  <si>
    <t>資金の増加額（又は減少額）</t>
    <rPh sb="0" eb="2">
      <t>シキン</t>
    </rPh>
    <rPh sb="3" eb="5">
      <t>ゾウカ</t>
    </rPh>
    <rPh sb="5" eb="6">
      <t>ガク</t>
    </rPh>
    <rPh sb="7" eb="8">
      <t>マタ</t>
    </rPh>
    <rPh sb="9" eb="11">
      <t>ゲンショウ</t>
    </rPh>
    <rPh sb="11" eb="12">
      <t>ガク</t>
    </rPh>
    <phoneticPr fontId="5"/>
  </si>
  <si>
    <t>資金期首残高</t>
    <rPh sb="0" eb="2">
      <t>シキン</t>
    </rPh>
    <rPh sb="2" eb="4">
      <t>キシュ</t>
    </rPh>
    <rPh sb="4" eb="6">
      <t>ザンダカ</t>
    </rPh>
    <phoneticPr fontId="5"/>
  </si>
  <si>
    <t>資金期末残高</t>
    <rPh sb="0" eb="2">
      <t>シキン</t>
    </rPh>
    <rPh sb="2" eb="4">
      <t>キマツ</t>
    </rPh>
    <rPh sb="4" eb="6">
      <t>ザンダカ</t>
    </rPh>
    <phoneticPr fontId="5"/>
  </si>
  <si>
    <t>　　　　　　　　　　　団体名
　区分</t>
  </si>
  <si>
    <t>固定資産</t>
  </si>
  <si>
    <t>有形固定資産</t>
  </si>
  <si>
    <t>土地</t>
  </si>
  <si>
    <t>償却資産</t>
  </si>
  <si>
    <t>うちリース資産</t>
    <rPh sb="5" eb="7">
      <t>シサン</t>
    </rPh>
    <phoneticPr fontId="5"/>
  </si>
  <si>
    <t>建設仮勘定</t>
  </si>
  <si>
    <t>その他</t>
  </si>
  <si>
    <t>無形固定資産</t>
  </si>
  <si>
    <t>投資その他の資産</t>
    <rPh sb="4" eb="5">
      <t>タ</t>
    </rPh>
    <rPh sb="6" eb="8">
      <t>シサン</t>
    </rPh>
    <phoneticPr fontId="5"/>
  </si>
  <si>
    <t>流動資産</t>
  </si>
  <si>
    <t>現金・預金</t>
  </si>
  <si>
    <t>貯蔵品</t>
  </si>
  <si>
    <t>短期有価証券</t>
  </si>
  <si>
    <t>繰延資産</t>
    <rPh sb="0" eb="2">
      <t>クリノベ</t>
    </rPh>
    <rPh sb="2" eb="4">
      <t>シサン</t>
    </rPh>
    <phoneticPr fontId="5"/>
  </si>
  <si>
    <t>固定負債</t>
  </si>
  <si>
    <t>建設改良等の財源に充てるための企業債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キギョウ</t>
    </rPh>
    <rPh sb="17" eb="18">
      <t>サイ</t>
    </rPh>
    <phoneticPr fontId="5"/>
  </si>
  <si>
    <t>その他の企業債</t>
    <rPh sb="2" eb="3">
      <t>タ</t>
    </rPh>
    <rPh sb="4" eb="6">
      <t>キギョウ</t>
    </rPh>
    <rPh sb="6" eb="7">
      <t>サイ</t>
    </rPh>
    <phoneticPr fontId="5"/>
  </si>
  <si>
    <t>再建債</t>
  </si>
  <si>
    <t>建設改良等の財源に充てるための長期借入金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チョウキ</t>
    </rPh>
    <rPh sb="17" eb="19">
      <t>カリイレ</t>
    </rPh>
    <rPh sb="19" eb="20">
      <t>キン</t>
    </rPh>
    <phoneticPr fontId="5"/>
  </si>
  <si>
    <t>その他の長期借入金</t>
    <rPh sb="2" eb="3">
      <t>タ</t>
    </rPh>
    <rPh sb="4" eb="6">
      <t>チョウキ</t>
    </rPh>
    <rPh sb="6" eb="8">
      <t>カリイレ</t>
    </rPh>
    <rPh sb="8" eb="9">
      <t>キン</t>
    </rPh>
    <phoneticPr fontId="5"/>
  </si>
  <si>
    <t>引当金</t>
    <phoneticPr fontId="5"/>
  </si>
  <si>
    <t>流動負債</t>
  </si>
  <si>
    <t>リース債務</t>
    <rPh sb="3" eb="5">
      <t>サイム</t>
    </rPh>
    <phoneticPr fontId="5"/>
  </si>
  <si>
    <t>繰延収益</t>
    <rPh sb="0" eb="2">
      <t>クリノベ</t>
    </rPh>
    <rPh sb="2" eb="4">
      <t>シュウエキ</t>
    </rPh>
    <phoneticPr fontId="5"/>
  </si>
  <si>
    <t>長期前受金</t>
    <rPh sb="0" eb="2">
      <t>チョウキ</t>
    </rPh>
    <rPh sb="2" eb="4">
      <t>マエウケ</t>
    </rPh>
    <rPh sb="4" eb="5">
      <t>キン</t>
    </rPh>
    <phoneticPr fontId="5"/>
  </si>
  <si>
    <t>資本金</t>
  </si>
  <si>
    <t>固有資本金</t>
  </si>
  <si>
    <t>再評価組入資本金</t>
  </si>
  <si>
    <t>繰入資本金</t>
  </si>
  <si>
    <t>組入資本金</t>
  </si>
  <si>
    <t>剰余金</t>
  </si>
  <si>
    <t>資本剰余金</t>
  </si>
  <si>
    <t>国庫補助金</t>
  </si>
  <si>
    <t>県補助金</t>
  </si>
  <si>
    <t>工事負担金</t>
  </si>
  <si>
    <t>再評価積立金</t>
  </si>
  <si>
    <t>利益剰余金</t>
  </si>
  <si>
    <t>減債積立金</t>
  </si>
  <si>
    <t>利益積立金</t>
  </si>
  <si>
    <t>建設改良積立金</t>
  </si>
  <si>
    <t>その他積立金</t>
  </si>
  <si>
    <t>当年度未処分利益剰余金</t>
  </si>
  <si>
    <t>当年度純利益</t>
    <phoneticPr fontId="5"/>
  </si>
  <si>
    <t>負債・資本合計</t>
  </si>
  <si>
    <t>不良債務</t>
  </si>
  <si>
    <t>実質資金不足額</t>
  </si>
  <si>
    <t>経常利益</t>
  </si>
  <si>
    <t>法適計</t>
    <rPh sb="0" eb="1">
      <t>ホウ</t>
    </rPh>
    <rPh sb="1" eb="2">
      <t>テキ</t>
    </rPh>
    <rPh sb="2" eb="3">
      <t>ケイ</t>
    </rPh>
    <phoneticPr fontId="5"/>
  </si>
  <si>
    <t>財務活動によるキャッシュ・フロー</t>
    <rPh sb="0" eb="2">
      <t>ザイム</t>
    </rPh>
    <rPh sb="2" eb="4">
      <t>カツドウ</t>
    </rPh>
    <phoneticPr fontId="6"/>
  </si>
  <si>
    <t>財政融資資金</t>
    <rPh sb="0" eb="2">
      <t>ザイセイ</t>
    </rPh>
    <rPh sb="2" eb="4">
      <t>ユウシ</t>
    </rPh>
    <rPh sb="4" eb="6">
      <t>シキン</t>
    </rPh>
    <phoneticPr fontId="5"/>
  </si>
  <si>
    <t>未収金・未収収益</t>
    <rPh sb="0" eb="3">
      <t>ミシュウキン</t>
    </rPh>
    <rPh sb="4" eb="6">
      <t>ミシュウ</t>
    </rPh>
    <rPh sb="6" eb="8">
      <t>シュウエキ</t>
    </rPh>
    <phoneticPr fontId="4"/>
  </si>
  <si>
    <t>未払金・未払費用</t>
    <rPh sb="0" eb="1">
      <t>ミ</t>
    </rPh>
    <rPh sb="1" eb="2">
      <t>バラ</t>
    </rPh>
    <rPh sb="2" eb="3">
      <t>キン</t>
    </rPh>
    <rPh sb="4" eb="6">
      <t>ミバラ</t>
    </rPh>
    <rPh sb="6" eb="8">
      <t>ヒヨウ</t>
    </rPh>
    <phoneticPr fontId="5"/>
  </si>
  <si>
    <t>前受金・前受収益</t>
    <rPh sb="0" eb="3">
      <t>マエウケキン</t>
    </rPh>
    <rPh sb="4" eb="6">
      <t>マエウケ</t>
    </rPh>
    <rPh sb="6" eb="8">
      <t>シュウエキ</t>
    </rPh>
    <phoneticPr fontId="5"/>
  </si>
  <si>
    <t>計</t>
    <phoneticPr fontId="5"/>
  </si>
  <si>
    <t>その他有価証券評価差額金</t>
    <rPh sb="2" eb="3">
      <t>タ</t>
    </rPh>
    <rPh sb="3" eb="5">
      <t>ユウカ</t>
    </rPh>
    <rPh sb="5" eb="7">
      <t>ショウケン</t>
    </rPh>
    <rPh sb="7" eb="9">
      <t>ヒョウカ</t>
    </rPh>
    <rPh sb="9" eb="11">
      <t>サガク</t>
    </rPh>
    <rPh sb="11" eb="12">
      <t>キン</t>
    </rPh>
    <phoneticPr fontId="5"/>
  </si>
  <si>
    <t>計</t>
    <phoneticPr fontId="5"/>
  </si>
  <si>
    <t>負債</t>
    <phoneticPr fontId="5"/>
  </si>
  <si>
    <t>リース債務</t>
    <phoneticPr fontId="5"/>
  </si>
  <si>
    <t>その他</t>
    <phoneticPr fontId="5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5"/>
  </si>
  <si>
    <t>キャッシュ・フロー計算書に関する調</t>
    <rPh sb="9" eb="12">
      <t>ケイサンショ</t>
    </rPh>
    <rPh sb="13" eb="14">
      <t>カン</t>
    </rPh>
    <rPh sb="16" eb="17">
      <t>シラ</t>
    </rPh>
    <phoneticPr fontId="5"/>
  </si>
  <si>
    <t>さいたま市</t>
  </si>
  <si>
    <t>川越市</t>
  </si>
  <si>
    <t>所沢市</t>
  </si>
  <si>
    <t>加須市</t>
  </si>
  <si>
    <t>本庄市</t>
  </si>
  <si>
    <t>春日部市</t>
  </si>
  <si>
    <t>狭山市</t>
  </si>
  <si>
    <t>鴻巣市</t>
  </si>
  <si>
    <t>深谷市</t>
  </si>
  <si>
    <t>戸田市</t>
  </si>
  <si>
    <t>入間市</t>
  </si>
  <si>
    <t>志木市</t>
  </si>
  <si>
    <t>和光市</t>
  </si>
  <si>
    <t>富士見市</t>
  </si>
  <si>
    <t>日高市</t>
  </si>
  <si>
    <t>上里町</t>
  </si>
  <si>
    <t>ふじみ野市</t>
  </si>
  <si>
    <t>経営の健全性効率性</t>
    <rPh sb="0" eb="2">
      <t>ケイエイ</t>
    </rPh>
    <rPh sb="3" eb="6">
      <t>ケンゼンセイ</t>
    </rPh>
    <rPh sb="6" eb="9">
      <t>コウリツセイ</t>
    </rPh>
    <phoneticPr fontId="8"/>
  </si>
  <si>
    <t>経常収支比率(%)</t>
    <rPh sb="0" eb="2">
      <t>ケイジョウ</t>
    </rPh>
    <rPh sb="2" eb="4">
      <t>シュウシ</t>
    </rPh>
    <rPh sb="4" eb="6">
      <t>ヒリツ</t>
    </rPh>
    <phoneticPr fontId="7"/>
  </si>
  <si>
    <t>累積欠損金比率(%)</t>
    <rPh sb="0" eb="2">
      <t>ルイセキ</t>
    </rPh>
    <rPh sb="2" eb="5">
      <t>ケッソンキン</t>
    </rPh>
    <rPh sb="5" eb="7">
      <t>ヒリツ</t>
    </rPh>
    <phoneticPr fontId="7"/>
  </si>
  <si>
    <t>使用料単価(円/㎥) A</t>
    <rPh sb="0" eb="3">
      <t>シヨウリョウ</t>
    </rPh>
    <rPh sb="3" eb="5">
      <t>タンカ</t>
    </rPh>
    <rPh sb="6" eb="7">
      <t>エン</t>
    </rPh>
    <phoneticPr fontId="7"/>
  </si>
  <si>
    <t>処理原価(円/㎥) B</t>
    <rPh sb="0" eb="2">
      <t>ショリ</t>
    </rPh>
    <rPh sb="2" eb="4">
      <t>ゲンカ</t>
    </rPh>
    <phoneticPr fontId="7"/>
  </si>
  <si>
    <t>経費回収率 A/B×100(%)</t>
    <rPh sb="0" eb="2">
      <t>ケイヒ</t>
    </rPh>
    <rPh sb="2" eb="4">
      <t>カイシュウ</t>
    </rPh>
    <rPh sb="4" eb="5">
      <t>リツ</t>
    </rPh>
    <phoneticPr fontId="7"/>
  </si>
  <si>
    <t>逆ざや(円/㎥)</t>
    <rPh sb="0" eb="1">
      <t>ギャク</t>
    </rPh>
    <rPh sb="4" eb="5">
      <t>エン</t>
    </rPh>
    <phoneticPr fontId="7"/>
  </si>
  <si>
    <t>水洗化率 (C/B)×100(%)</t>
    <rPh sb="0" eb="3">
      <t>スイセンカ</t>
    </rPh>
    <rPh sb="3" eb="4">
      <t>リツ</t>
    </rPh>
    <phoneticPr fontId="7"/>
  </si>
  <si>
    <t>有収率(%)</t>
    <rPh sb="0" eb="2">
      <t>ユウシュウ</t>
    </rPh>
    <rPh sb="2" eb="3">
      <t>リツ</t>
    </rPh>
    <phoneticPr fontId="7"/>
  </si>
  <si>
    <t>老朽化の状況</t>
    <rPh sb="0" eb="3">
      <t>ロウキュウカ</t>
    </rPh>
    <rPh sb="4" eb="6">
      <t>ジョウキョウ</t>
    </rPh>
    <phoneticPr fontId="7"/>
  </si>
  <si>
    <t>資本費単価</t>
    <rPh sb="0" eb="2">
      <t>シホン</t>
    </rPh>
    <rPh sb="2" eb="3">
      <t>ヒ</t>
    </rPh>
    <rPh sb="3" eb="5">
      <t>タンカ</t>
    </rPh>
    <phoneticPr fontId="7"/>
  </si>
  <si>
    <t>下水道組合</t>
    <rPh sb="0" eb="1">
      <t>ゲ</t>
    </rPh>
    <phoneticPr fontId="2"/>
  </si>
  <si>
    <t>熊谷市</t>
  </si>
  <si>
    <t>川口市</t>
  </si>
  <si>
    <t>行田市</t>
  </si>
  <si>
    <t>秩父市</t>
  </si>
  <si>
    <t>飯能市</t>
  </si>
  <si>
    <t>東松山市</t>
  </si>
  <si>
    <t>羽生市</t>
  </si>
  <si>
    <t>上尾市</t>
  </si>
  <si>
    <t>草加市</t>
  </si>
  <si>
    <t>越谷市</t>
  </si>
  <si>
    <t>蕨市</t>
  </si>
  <si>
    <t>朝霞市</t>
  </si>
  <si>
    <t>新座市</t>
  </si>
  <si>
    <t>桶川市</t>
  </si>
  <si>
    <t>久喜市</t>
  </si>
  <si>
    <t>八潮市</t>
  </si>
  <si>
    <t>三郷市</t>
  </si>
  <si>
    <t>蓮田市</t>
  </si>
  <si>
    <t>幸手市</t>
  </si>
  <si>
    <t>吉川市</t>
  </si>
  <si>
    <t>伊奈町</t>
  </si>
  <si>
    <t>三芳町</t>
  </si>
  <si>
    <t>毛呂山町</t>
  </si>
  <si>
    <t>越生町</t>
  </si>
  <si>
    <t>滑川町</t>
  </si>
  <si>
    <t>嵐山町</t>
  </si>
  <si>
    <t>小川町</t>
  </si>
  <si>
    <t>川島町</t>
  </si>
  <si>
    <t>吉見町</t>
  </si>
  <si>
    <t>鳩山町</t>
  </si>
  <si>
    <t>ときがわ町</t>
  </si>
  <si>
    <t>横瀬町</t>
  </si>
  <si>
    <t>小鹿野町</t>
  </si>
  <si>
    <t>東秩父村</t>
  </si>
  <si>
    <t>美里町</t>
  </si>
  <si>
    <t>神川町</t>
  </si>
  <si>
    <t>寄居町</t>
  </si>
  <si>
    <t>宮代町</t>
  </si>
  <si>
    <t>杉戸町</t>
  </si>
  <si>
    <t>松伏町</t>
  </si>
  <si>
    <t>経常損失 (b＋c)－(e＋f)</t>
    <rPh sb="0" eb="2">
      <t>ケイジョウ</t>
    </rPh>
    <rPh sb="2" eb="4">
      <t>ソンシツ</t>
    </rPh>
    <phoneticPr fontId="5"/>
  </si>
  <si>
    <t>純損失 (a－d)</t>
    <rPh sb="0" eb="1">
      <t>ジュン</t>
    </rPh>
    <rPh sb="1" eb="3">
      <t>ソンシツ</t>
    </rPh>
    <phoneticPr fontId="5"/>
  </si>
  <si>
    <t>減価償却累計額</t>
    <phoneticPr fontId="10"/>
  </si>
  <si>
    <t>うちリース資産減価償却累計額</t>
    <rPh sb="5" eb="7">
      <t>シサン</t>
    </rPh>
    <rPh sb="7" eb="9">
      <t>ゲンカ</t>
    </rPh>
    <rPh sb="9" eb="11">
      <t>ショウキャク</t>
    </rPh>
    <rPh sb="11" eb="13">
      <t>ルイケイ</t>
    </rPh>
    <rPh sb="13" eb="14">
      <t>ガク</t>
    </rPh>
    <phoneticPr fontId="5"/>
  </si>
  <si>
    <t>貸倒引当金</t>
    <rPh sb="0" eb="1">
      <t>カ</t>
    </rPh>
    <rPh sb="1" eb="2">
      <t>タオ</t>
    </rPh>
    <rPh sb="2" eb="4">
      <t>ヒキアテ</t>
    </rPh>
    <rPh sb="4" eb="5">
      <t>キン</t>
    </rPh>
    <phoneticPr fontId="5"/>
  </si>
  <si>
    <t>長期前受金収益化累計額</t>
    <rPh sb="0" eb="2">
      <t>チョウキ</t>
    </rPh>
    <rPh sb="2" eb="5">
      <t>マエウケキン</t>
    </rPh>
    <rPh sb="5" eb="8">
      <t>シュウエキカ</t>
    </rPh>
    <rPh sb="8" eb="10">
      <t>ルイケイ</t>
    </rPh>
    <rPh sb="10" eb="11">
      <t>ガク</t>
    </rPh>
    <phoneticPr fontId="5"/>
  </si>
  <si>
    <t>当年度未処理欠損金</t>
    <phoneticPr fontId="10"/>
  </si>
  <si>
    <t>当年度純損失</t>
    <phoneticPr fontId="5"/>
  </si>
  <si>
    <t>経常損失</t>
    <phoneticPr fontId="5"/>
  </si>
  <si>
    <t>不足額(f)</t>
    <rPh sb="0" eb="2">
      <t>フソク</t>
    </rPh>
    <rPh sb="2" eb="3">
      <t>ガク</t>
    </rPh>
    <phoneticPr fontId="5"/>
  </si>
  <si>
    <t>補てん財源不足額(f)-(g)</t>
    <rPh sb="0" eb="1">
      <t>ホ</t>
    </rPh>
    <rPh sb="3" eb="5">
      <t>ザイゲン</t>
    </rPh>
    <rPh sb="5" eb="7">
      <t>フソク</t>
    </rPh>
    <rPh sb="7" eb="8">
      <t>ガク</t>
    </rPh>
    <phoneticPr fontId="5"/>
  </si>
  <si>
    <t>流動比率(%)</t>
    <rPh sb="0" eb="2">
      <t>リュウドウ</t>
    </rPh>
    <rPh sb="2" eb="4">
      <t>ヒリツ</t>
    </rPh>
    <phoneticPr fontId="7"/>
  </si>
  <si>
    <t>企業債残高対事業規模比率(%)</t>
    <rPh sb="0" eb="2">
      <t>キギョウ</t>
    </rPh>
    <rPh sb="2" eb="3">
      <t>サイ</t>
    </rPh>
    <rPh sb="3" eb="5">
      <t>ザンダカ</t>
    </rPh>
    <rPh sb="5" eb="6">
      <t>タイ</t>
    </rPh>
    <rPh sb="6" eb="8">
      <t>ジギョウ</t>
    </rPh>
    <rPh sb="8" eb="10">
      <t>キボ</t>
    </rPh>
    <rPh sb="10" eb="12">
      <t>ヒリツ</t>
    </rPh>
    <phoneticPr fontId="7"/>
  </si>
  <si>
    <t>施設利用率(%)</t>
    <rPh sb="0" eb="2">
      <t>シセツ</t>
    </rPh>
    <rPh sb="2" eb="5">
      <t>リヨウリツ</t>
    </rPh>
    <phoneticPr fontId="7"/>
  </si>
  <si>
    <t>有形固定資産減価償却費率(%)</t>
    <rPh sb="0" eb="2">
      <t>ユウケイ</t>
    </rPh>
    <rPh sb="2" eb="4">
      <t>コテイ</t>
    </rPh>
    <rPh sb="4" eb="6">
      <t>シサン</t>
    </rPh>
    <rPh sb="6" eb="8">
      <t>ゲンカ</t>
    </rPh>
    <rPh sb="8" eb="10">
      <t>ショウキャク</t>
    </rPh>
    <rPh sb="10" eb="11">
      <t>ヒ</t>
    </rPh>
    <rPh sb="11" eb="12">
      <t>リツ</t>
    </rPh>
    <phoneticPr fontId="7"/>
  </si>
  <si>
    <t>管渠老朽化率(%)</t>
    <rPh sb="0" eb="2">
      <t>カンキョ</t>
    </rPh>
    <rPh sb="2" eb="5">
      <t>ロウキュウカ</t>
    </rPh>
    <rPh sb="5" eb="6">
      <t>リツ</t>
    </rPh>
    <phoneticPr fontId="7"/>
  </si>
  <si>
    <t>管渠改善率(%)</t>
    <rPh sb="0" eb="2">
      <t>カンキョ</t>
    </rPh>
    <rPh sb="2" eb="4">
      <t>カイゼン</t>
    </rPh>
    <rPh sb="4" eb="5">
      <t>リツ</t>
    </rPh>
    <phoneticPr fontId="7"/>
  </si>
  <si>
    <t>公共下水道組合</t>
    <phoneticPr fontId="2"/>
  </si>
  <si>
    <t>特環</t>
    <phoneticPr fontId="2"/>
  </si>
  <si>
    <t>特環</t>
    <phoneticPr fontId="2"/>
  </si>
  <si>
    <t>北本市</t>
  </si>
  <si>
    <t>白岡市</t>
  </si>
  <si>
    <t>農集</t>
    <rPh sb="0" eb="2">
      <t>ノウシュウ</t>
    </rPh>
    <phoneticPr fontId="2"/>
  </si>
  <si>
    <t/>
  </si>
  <si>
    <t xml:space="preserve"> </t>
  </si>
  <si>
    <t>特排</t>
    <rPh sb="0" eb="2">
      <t>トクハイ</t>
    </rPh>
    <phoneticPr fontId="2"/>
  </si>
  <si>
    <t>特環</t>
    <rPh sb="0" eb="2">
      <t>トッカン</t>
    </rPh>
    <phoneticPr fontId="2"/>
  </si>
  <si>
    <t>公共</t>
    <rPh sb="0" eb="2">
      <t>コウキョウ</t>
    </rPh>
    <phoneticPr fontId="2"/>
  </si>
  <si>
    <t>特環</t>
    <rPh sb="0" eb="2">
      <t>トッカン</t>
    </rPh>
    <phoneticPr fontId="2"/>
  </si>
  <si>
    <t>農集</t>
    <rPh sb="0" eb="2">
      <t>ノウシュウ</t>
    </rPh>
    <phoneticPr fontId="2"/>
  </si>
  <si>
    <t>特排</t>
    <rPh sb="0" eb="2">
      <t>トクハイ</t>
    </rPh>
    <phoneticPr fontId="4"/>
  </si>
  <si>
    <t>下水道組合</t>
    <rPh sb="0" eb="5">
      <t>ゲスイドウクミアイ</t>
    </rPh>
    <phoneticPr fontId="4"/>
  </si>
  <si>
    <t>下水道組合</t>
    <rPh sb="0" eb="3">
      <t>ゲスイドウ</t>
    </rPh>
    <rPh sb="3" eb="5">
      <t>クミアイ</t>
    </rPh>
    <phoneticPr fontId="5"/>
  </si>
  <si>
    <t>農集計</t>
  </si>
  <si>
    <t>坂戸、鶴ケ島</t>
    <phoneticPr fontId="2"/>
  </si>
  <si>
    <t>毛呂山・越生・鳩山</t>
    <phoneticPr fontId="2"/>
  </si>
  <si>
    <t>皆野・長瀞</t>
    <phoneticPr fontId="2"/>
  </si>
  <si>
    <t>計</t>
    <phoneticPr fontId="2"/>
  </si>
  <si>
    <t>S28.04.15</t>
  </si>
  <si>
    <t>S06.06.11</t>
  </si>
  <si>
    <t>S31.11.01</t>
  </si>
  <si>
    <t>S14.09.01</t>
  </si>
  <si>
    <t>S25.11.06</t>
  </si>
  <si>
    <t>S28.04.01</t>
  </si>
  <si>
    <t>S32.11.19</t>
  </si>
  <si>
    <t>S28.04.28</t>
  </si>
  <si>
    <t>S51.03.16</t>
  </si>
  <si>
    <t>S51.03.12</t>
  </si>
  <si>
    <t>S46.03.02</t>
  </si>
  <si>
    <t>S50.12.23</t>
  </si>
  <si>
    <t>S46.11.11</t>
  </si>
  <si>
    <t>S51.12.08</t>
  </si>
  <si>
    <t>S48.09.13</t>
  </si>
  <si>
    <t>S49.02.01</t>
  </si>
  <si>
    <t>S46.11.30</t>
  </si>
  <si>
    <t>S48.01.22</t>
  </si>
  <si>
    <t>S47.12.27</t>
  </si>
  <si>
    <t>S44.04.01</t>
  </si>
  <si>
    <t>S46.07.29</t>
  </si>
  <si>
    <t>S48.09.01</t>
  </si>
  <si>
    <t>S48.12.15</t>
  </si>
  <si>
    <t>S45.04.01</t>
  </si>
  <si>
    <t>S50.02.12</t>
  </si>
  <si>
    <t>S48.01.16</t>
  </si>
  <si>
    <t>S27.04.01</t>
  </si>
  <si>
    <t>S49.08.20</t>
  </si>
  <si>
    <t>S49.12.04</t>
  </si>
  <si>
    <t>S49.10.25</t>
  </si>
  <si>
    <t>S50.04.01</t>
  </si>
  <si>
    <t>S53.12.11</t>
  </si>
  <si>
    <t>S60.04.01</t>
  </si>
  <si>
    <t>S57.02.10</t>
  </si>
  <si>
    <t>S53.12.04</t>
  </si>
  <si>
    <t>S51.02.12</t>
  </si>
  <si>
    <t>S50.11.04</t>
  </si>
  <si>
    <t>S57.11.30</t>
  </si>
  <si>
    <t>S46.06.30</t>
  </si>
  <si>
    <t>H01.02.28</t>
  </si>
  <si>
    <t>S63.06.25</t>
  </si>
  <si>
    <t>H05.12.28</t>
  </si>
  <si>
    <t>S60.06.25</t>
  </si>
  <si>
    <t>H17.04.01</t>
  </si>
  <si>
    <t>H17.01.04</t>
  </si>
  <si>
    <t>H07.07.25</t>
  </si>
  <si>
    <t>S62.02.14</t>
  </si>
  <si>
    <t>S60.02.12</t>
  </si>
  <si>
    <t>S56.09.01</t>
  </si>
  <si>
    <t>S60.12.27</t>
  </si>
  <si>
    <t>S43.04.01</t>
  </si>
  <si>
    <t>S55.01.01</t>
  </si>
  <si>
    <t>H01.01.20</t>
  </si>
  <si>
    <t>H06.08.05</t>
  </si>
  <si>
    <t>H01.02.14</t>
  </si>
  <si>
    <t>S56.01.20</t>
  </si>
  <si>
    <t>H06.11.16</t>
  </si>
  <si>
    <t>H01.04.01</t>
  </si>
  <si>
    <t>H10.04.01</t>
  </si>
  <si>
    <t>H12.11.08</t>
  </si>
  <si>
    <t>H14.01.30</t>
  </si>
  <si>
    <t>H15.08.08</t>
  </si>
  <si>
    <t>S55.04.01</t>
  </si>
  <si>
    <t>S58.10.17</t>
  </si>
  <si>
    <t>H06.09.12</t>
  </si>
  <si>
    <t>H07.08.15</t>
  </si>
  <si>
    <t>S62.11.30</t>
  </si>
  <si>
    <t>S63.01.30</t>
  </si>
  <si>
    <t>S58.08.10</t>
  </si>
  <si>
    <t>S62.04.01</t>
  </si>
  <si>
    <t>H06.02.17</t>
  </si>
  <si>
    <t>H13.08.31</t>
  </si>
  <si>
    <t>H10.03.27</t>
  </si>
  <si>
    <t>H11.11.18</t>
  </si>
  <si>
    <t>H08.10.01</t>
  </si>
  <si>
    <t>H07.10.02</t>
  </si>
  <si>
    <t>S62.12.01</t>
  </si>
  <si>
    <t>H06.09.05</t>
  </si>
  <si>
    <t>H06.09.30</t>
  </si>
  <si>
    <t>S61.04.01</t>
  </si>
  <si>
    <t>H12.06.30</t>
  </si>
  <si>
    <t>H04.04.01</t>
  </si>
  <si>
    <t>H11.11.04</t>
  </si>
  <si>
    <t>H08.09.11</t>
  </si>
  <si>
    <t>H10.07.15</t>
  </si>
  <si>
    <t>H11.12.13</t>
  </si>
  <si>
    <t>H11.10.05</t>
  </si>
  <si>
    <t>H24.10.01</t>
  </si>
  <si>
    <t>H24.04.01</t>
  </si>
  <si>
    <t>R03.04.01</t>
  </si>
  <si>
    <t>H25.12.09</t>
  </si>
  <si>
    <t>H19.04.01</t>
  </si>
  <si>
    <t>H15.04.21</t>
  </si>
  <si>
    <t>H26.10.01</t>
  </si>
  <si>
    <t>H13.04.01</t>
  </si>
  <si>
    <t>H15.01.01</t>
  </si>
  <si>
    <t>H29.10.01</t>
  </si>
  <si>
    <t>H25.04.01</t>
  </si>
  <si>
    <t>S41.01.01</t>
  </si>
  <si>
    <t>S39.12.28</t>
  </si>
  <si>
    <t>S34.08.01</t>
  </si>
  <si>
    <t>S43.05.01</t>
  </si>
  <si>
    <t>S39.06.05</t>
  </si>
  <si>
    <t>S43.06.01</t>
  </si>
  <si>
    <t>S41.04.08</t>
  </si>
  <si>
    <t>S58.04.01</t>
  </si>
  <si>
    <t>S52.05.01</t>
  </si>
  <si>
    <t>S50.03.20</t>
  </si>
  <si>
    <t>S56.04.01</t>
  </si>
  <si>
    <t>S50.11.01</t>
  </si>
  <si>
    <t>S52.04.01</t>
  </si>
  <si>
    <t>S48.04.01</t>
  </si>
  <si>
    <t>S61.11.01</t>
  </si>
  <si>
    <t>S57.08.20</t>
  </si>
  <si>
    <t>S49.07.01</t>
  </si>
  <si>
    <t>H03.04.01</t>
  </si>
  <si>
    <t>S63.12.01</t>
  </si>
  <si>
    <t>S57.10.02</t>
  </si>
  <si>
    <t>S59.03.01</t>
  </si>
  <si>
    <t>H06.04.01</t>
  </si>
  <si>
    <t>H11.03.10</t>
  </si>
  <si>
    <t>S63.03.28</t>
  </si>
  <si>
    <t>H10.10.01</t>
  </si>
  <si>
    <t>H21.07.01</t>
  </si>
  <si>
    <t>H22.04.01</t>
  </si>
  <si>
    <t>H05.04.01</t>
  </si>
  <si>
    <t>S62.03.31</t>
  </si>
  <si>
    <t>H03.03.31</t>
  </si>
  <si>
    <t>S63.05.02</t>
  </si>
  <si>
    <t>H09.03.28</t>
  </si>
  <si>
    <t>H11.06.01</t>
  </si>
  <si>
    <t>H19.03.28</t>
  </si>
  <si>
    <t>H18.04.10</t>
  </si>
  <si>
    <t>H09.03.01</t>
  </si>
  <si>
    <t>H09.10.01</t>
  </si>
  <si>
    <t>S61.05.16</t>
  </si>
  <si>
    <t>H09.05.01</t>
  </si>
  <si>
    <t>H12.04.03</t>
  </si>
  <si>
    <t>H02.04.01</t>
  </si>
  <si>
    <t>S63.02.01</t>
  </si>
  <si>
    <t>H02.09.01</t>
  </si>
  <si>
    <t>H09.04.01</t>
  </si>
  <si>
    <t>H13.08.01</t>
  </si>
  <si>
    <t>H17.05.09</t>
  </si>
  <si>
    <t>H12.04.01</t>
  </si>
  <si>
    <t>S63.09.01</t>
  </si>
  <si>
    <t>H10.06.01</t>
  </si>
  <si>
    <t>H09.04.05</t>
  </si>
  <si>
    <t>H02.04.02</t>
  </si>
  <si>
    <t>H18.04.03</t>
  </si>
  <si>
    <t>H07.04.01</t>
  </si>
  <si>
    <t>H16.04.01</t>
  </si>
  <si>
    <t>H11.10.01</t>
  </si>
  <si>
    <t>H16.06.01</t>
  </si>
  <si>
    <t>H12.03.10</t>
  </si>
  <si>
    <t>H24.11.06</t>
  </si>
  <si>
    <t>H24.05.17</t>
  </si>
  <si>
    <t>R04.01.20</t>
  </si>
  <si>
    <t>H26.03.31</t>
  </si>
  <si>
    <t>H15.05.08</t>
  </si>
  <si>
    <t>H26.12.22</t>
  </si>
  <si>
    <t>H14.04.01</t>
  </si>
  <si>
    <t>H16.03.25</t>
  </si>
  <si>
    <t>H30.01.04</t>
  </si>
  <si>
    <t>H25.07.12</t>
  </si>
  <si>
    <t>H15.04.01</t>
  </si>
  <si>
    <t>H31.04.01</t>
  </si>
  <si>
    <t>H22.03.23</t>
  </si>
  <si>
    <t>H27.04.01</t>
  </si>
  <si>
    <t>H23.04.01</t>
  </si>
  <si>
    <t>R02.04.01</t>
  </si>
  <si>
    <t>H18.01.01</t>
  </si>
  <si>
    <t>H26.04.01</t>
  </si>
  <si>
    <t>H29.04.01</t>
  </si>
  <si>
    <t>H28.04.01</t>
  </si>
  <si>
    <t>R05.04.01</t>
  </si>
  <si>
    <t>R06.04.01</t>
  </si>
  <si>
    <t>R04.04.01</t>
  </si>
  <si>
    <t>R02.11.30</t>
  </si>
  <si>
    <t>条例財務</t>
  </si>
  <si>
    <t>条例全部</t>
  </si>
  <si>
    <t>無</t>
  </si>
  <si>
    <t>有</t>
  </si>
  <si>
    <t>○</t>
  </si>
  <si>
    <t>H26.06.01</t>
  </si>
  <si>
    <t>H24.11.01</t>
  </si>
  <si>
    <t>H30.07.01</t>
  </si>
  <si>
    <t>R07.03.01</t>
  </si>
  <si>
    <t>R02.11.01</t>
  </si>
  <si>
    <t>H30.04.01</t>
  </si>
  <si>
    <t>R01.10.01</t>
  </si>
  <si>
    <t>R06.10.01</t>
  </si>
  <si>
    <t>H09.06.01</t>
  </si>
  <si>
    <t>H28.07.01</t>
  </si>
  <si>
    <t>R05.01.01</t>
  </si>
  <si>
    <t>H20.04.01</t>
  </si>
  <si>
    <t>R02.12.01</t>
  </si>
  <si>
    <t>R03.09.01</t>
  </si>
  <si>
    <t>H19.06.01</t>
  </si>
  <si>
    <t>S57.02.01</t>
  </si>
  <si>
    <t>H18.07.01</t>
  </si>
  <si>
    <t>R06.06.01</t>
  </si>
  <si>
    <t>R06.07.01</t>
  </si>
  <si>
    <t>H17.10.01</t>
  </si>
  <si>
    <t>H27.10.01</t>
  </si>
  <si>
    <t>H15.07.01</t>
  </si>
  <si>
    <t>H21.04.01</t>
  </si>
  <si>
    <t>H21.06.12</t>
  </si>
  <si>
    <t>H28.01.01</t>
  </si>
  <si>
    <t>R06.12.01</t>
  </si>
  <si>
    <t>H29.06.01</t>
  </si>
  <si>
    <t>H18.04.01</t>
  </si>
  <si>
    <t>H22.05.01</t>
  </si>
  <si>
    <t>H11.04.01</t>
  </si>
  <si>
    <t>H02.10.01</t>
  </si>
  <si>
    <t>H16.12.13</t>
  </si>
  <si>
    <t>R01.12.01</t>
  </si>
  <si>
    <t>H15.12.16</t>
  </si>
  <si>
    <t>H24.07.31</t>
  </si>
  <si>
    <t>H29.06.28</t>
  </si>
  <si>
    <t>S25.04.0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2">
    <numFmt numFmtId="176" formatCode="#,##0.0_);[Red]\(#,##0.0\)"/>
    <numFmt numFmtId="177" formatCode="#,##0_ ;&quot;△ &quot;#,##0_ "/>
    <numFmt numFmtId="178" formatCode="#,##0.0_ ;&quot;△ &quot;#,##0.0_ "/>
    <numFmt numFmtId="179" formatCode="#,##0.000_);[Red]\(#,##0.000\)"/>
    <numFmt numFmtId="180" formatCode="#,##0.0_ ;&quot;▲ &quot;#,##0.0_ "/>
    <numFmt numFmtId="181" formatCode="#,##0_ ;&quot;▲ &quot;#,##0_ "/>
    <numFmt numFmtId="182" formatCode="#,##0;&quot;▲ &quot;#,##0"/>
    <numFmt numFmtId="183" formatCode="#,##0.00_ ;&quot;△ &quot;#,##0.00_ "/>
    <numFmt numFmtId="184" formatCode="#,##0.00_ ;&quot;▲ &quot;#,##0.00_ "/>
    <numFmt numFmtId="185" formatCode="#,##0_);[Red]\(#,##0\)"/>
    <numFmt numFmtId="186" formatCode="&quot;▲&quot;#,##0_ ;#,##0_ "/>
    <numFmt numFmtId="187" formatCode="#,##0_ "/>
  </numFmts>
  <fonts count="20">
    <font>
      <sz val="12"/>
      <color theme="1"/>
      <name val="ＭＳ 明朝"/>
      <family val="1"/>
      <charset val="128"/>
    </font>
    <font>
      <sz val="12"/>
      <color theme="1"/>
      <name val="ＭＳ 明朝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6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Ｐ明朝"/>
      <family val="1"/>
      <charset val="128"/>
    </font>
    <font>
      <sz val="7"/>
      <name val="ＭＳ Ｐ明朝"/>
      <family val="1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明朝"/>
      <family val="2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4"/>
      <name val="ＭＳ 明朝"/>
      <family val="1"/>
      <charset val="128"/>
    </font>
    <font>
      <b/>
      <sz val="9"/>
      <color indexed="81"/>
      <name val="MS P ゴシック"/>
      <family val="3"/>
      <charset val="128"/>
    </font>
    <font>
      <sz val="7"/>
      <color theme="1"/>
      <name val="ＭＳ ゴシック"/>
      <family val="3"/>
      <charset val="128"/>
    </font>
    <font>
      <sz val="6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6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/>
      <diagonal style="hair">
        <color indexed="64"/>
      </diagonal>
    </border>
    <border diagonalDown="1">
      <left/>
      <right/>
      <top/>
      <bottom/>
      <diagonal style="hair">
        <color indexed="64"/>
      </diagonal>
    </border>
    <border diagonalDown="1">
      <left/>
      <right style="thin">
        <color indexed="64"/>
      </right>
      <top/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</borders>
  <cellStyleXfs count="18">
    <xf numFmtId="0" fontId="0" fillId="0" borderId="0">
      <alignment vertical="center"/>
    </xf>
    <xf numFmtId="38" fontId="11" fillId="0" borderId="0" applyFont="0" applyFill="0" applyBorder="0" applyAlignment="0" applyProtection="0">
      <alignment vertical="center"/>
    </xf>
    <xf numFmtId="38" fontId="9" fillId="0" borderId="0" applyFont="0" applyFill="0" applyBorder="0" applyAlignment="0" applyProtection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13" fillId="0" borderId="0">
      <alignment vertical="center"/>
    </xf>
    <xf numFmtId="38" fontId="13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9" fontId="14" fillId="0" borderId="0" applyFont="0" applyFill="0" applyBorder="0" applyAlignment="0" applyProtection="0">
      <alignment vertical="center"/>
    </xf>
    <xf numFmtId="0" fontId="9" fillId="0" borderId="0">
      <alignment vertical="center"/>
    </xf>
    <xf numFmtId="0" fontId="11" fillId="0" borderId="0">
      <alignment vertical="center"/>
    </xf>
    <xf numFmtId="0" fontId="15" fillId="0" borderId="0">
      <alignment vertical="center"/>
    </xf>
    <xf numFmtId="38" fontId="15" fillId="0" borderId="0" applyFont="0" applyFill="0" applyBorder="0" applyAlignment="0" applyProtection="0">
      <alignment vertical="center"/>
    </xf>
    <xf numFmtId="0" fontId="15" fillId="0" borderId="0"/>
    <xf numFmtId="0" fontId="9" fillId="0" borderId="0">
      <alignment vertical="center"/>
    </xf>
    <xf numFmtId="0" fontId="16" fillId="0" borderId="0"/>
    <xf numFmtId="0" fontId="16" fillId="0" borderId="0"/>
  </cellStyleXfs>
  <cellXfs count="205">
    <xf numFmtId="0" fontId="0" fillId="0" borderId="0" xfId="0">
      <alignment vertical="center"/>
    </xf>
    <xf numFmtId="181" fontId="18" fillId="0" borderId="4" xfId="2" applyNumberFormat="1" applyFont="1" applyFill="1" applyBorder="1" applyAlignment="1">
      <alignment horizontal="right" vertical="center"/>
    </xf>
    <xf numFmtId="186" fontId="18" fillId="0" borderId="4" xfId="2" applyNumberFormat="1" applyFont="1" applyFill="1" applyBorder="1" applyAlignment="1">
      <alignment horizontal="right" vertical="center"/>
    </xf>
    <xf numFmtId="181" fontId="18" fillId="0" borderId="10" xfId="2" applyNumberFormat="1" applyFont="1" applyFill="1" applyBorder="1" applyAlignment="1">
      <alignment horizontal="right" vertical="center"/>
    </xf>
    <xf numFmtId="177" fontId="18" fillId="0" borderId="26" xfId="2" applyNumberFormat="1" applyFont="1" applyFill="1" applyBorder="1" applyAlignment="1">
      <alignment horizontal="right" vertical="center"/>
    </xf>
    <xf numFmtId="182" fontId="18" fillId="0" borderId="10" xfId="2" applyNumberFormat="1" applyFont="1" applyFill="1" applyBorder="1" applyAlignment="1">
      <alignment horizontal="right" vertical="center"/>
    </xf>
    <xf numFmtId="182" fontId="18" fillId="0" borderId="4" xfId="2" applyNumberFormat="1" applyFont="1" applyFill="1" applyBorder="1" applyAlignment="1">
      <alignment horizontal="right" vertical="center"/>
    </xf>
    <xf numFmtId="182" fontId="18" fillId="0" borderId="2" xfId="2" applyNumberFormat="1" applyFont="1" applyFill="1" applyBorder="1" applyAlignment="1">
      <alignment horizontal="right" vertical="center"/>
    </xf>
    <xf numFmtId="176" fontId="18" fillId="0" borderId="1" xfId="0" applyNumberFormat="1" applyFont="1" applyBorder="1" applyAlignment="1">
      <alignment horizontal="center" vertical="center"/>
    </xf>
    <xf numFmtId="176" fontId="18" fillId="0" borderId="1" xfId="0" applyNumberFormat="1" applyFont="1" applyBorder="1" applyAlignment="1">
      <alignment horizontal="center" vertical="center" wrapText="1"/>
    </xf>
    <xf numFmtId="176" fontId="19" fillId="0" borderId="1" xfId="0" applyNumberFormat="1" applyFont="1" applyBorder="1" applyAlignment="1">
      <alignment horizontal="center" vertical="center" shrinkToFit="1"/>
    </xf>
    <xf numFmtId="0" fontId="18" fillId="0" borderId="1" xfId="0" applyFont="1" applyBorder="1" applyAlignment="1">
      <alignment horizontal="center" vertical="center"/>
    </xf>
    <xf numFmtId="185" fontId="18" fillId="0" borderId="0" xfId="0" applyNumberFormat="1" applyFont="1">
      <alignment vertical="center"/>
    </xf>
    <xf numFmtId="0" fontId="18" fillId="0" borderId="0" xfId="0" applyFont="1">
      <alignment vertical="center"/>
    </xf>
    <xf numFmtId="176" fontId="18" fillId="0" borderId="12" xfId="0" applyNumberFormat="1" applyFont="1" applyBorder="1" applyAlignment="1">
      <alignment horizontal="center" vertical="center"/>
    </xf>
    <xf numFmtId="176" fontId="19" fillId="0" borderId="12" xfId="0" applyNumberFormat="1" applyFont="1" applyBorder="1" applyAlignment="1">
      <alignment horizontal="center" vertical="center" wrapText="1"/>
    </xf>
    <xf numFmtId="176" fontId="18" fillId="0" borderId="12" xfId="0" applyNumberFormat="1" applyFont="1" applyBorder="1" applyAlignment="1">
      <alignment horizontal="center" vertical="center" shrinkToFit="1"/>
    </xf>
    <xf numFmtId="0" fontId="18" fillId="0" borderId="12" xfId="0" applyFont="1" applyBorder="1" applyAlignment="1">
      <alignment horizontal="center" vertical="center"/>
    </xf>
    <xf numFmtId="176" fontId="18" fillId="0" borderId="2" xfId="0" applyNumberFormat="1" applyFont="1" applyBorder="1" applyAlignment="1">
      <alignment horizontal="center" vertical="center"/>
    </xf>
    <xf numFmtId="177" fontId="18" fillId="0" borderId="4" xfId="1" applyNumberFormat="1" applyFont="1" applyFill="1" applyBorder="1" applyAlignment="1">
      <alignment horizontal="center" vertical="center"/>
    </xf>
    <xf numFmtId="177" fontId="18" fillId="0" borderId="3" xfId="1" applyNumberFormat="1" applyFont="1" applyFill="1" applyBorder="1" applyAlignment="1">
      <alignment horizontal="center" vertical="center"/>
    </xf>
    <xf numFmtId="0" fontId="18" fillId="0" borderId="20" xfId="0" applyFont="1" applyBorder="1" applyAlignment="1">
      <alignment horizontal="left" vertical="center"/>
    </xf>
    <xf numFmtId="0" fontId="18" fillId="0" borderId="21" xfId="0" applyFont="1" applyBorder="1" applyAlignment="1">
      <alignment horizontal="left" vertical="center"/>
    </xf>
    <xf numFmtId="0" fontId="18" fillId="0" borderId="23" xfId="0" applyFont="1" applyBorder="1" applyAlignment="1">
      <alignment horizontal="left" vertical="center"/>
    </xf>
    <xf numFmtId="177" fontId="18" fillId="0" borderId="4" xfId="1" applyNumberFormat="1" applyFont="1" applyFill="1" applyBorder="1" applyAlignment="1">
      <alignment horizontal="right" vertical="center"/>
    </xf>
    <xf numFmtId="178" fontId="18" fillId="0" borderId="4" xfId="1" applyNumberFormat="1" applyFont="1" applyFill="1" applyBorder="1" applyAlignment="1">
      <alignment horizontal="right" vertical="center"/>
    </xf>
    <xf numFmtId="0" fontId="18" fillId="0" borderId="5" xfId="0" applyFont="1" applyBorder="1">
      <alignment vertical="center"/>
    </xf>
    <xf numFmtId="0" fontId="18" fillId="0" borderId="28" xfId="0" applyFont="1" applyBorder="1">
      <alignment vertical="center"/>
    </xf>
    <xf numFmtId="0" fontId="18" fillId="0" borderId="7" xfId="0" applyFont="1" applyBorder="1">
      <alignment vertical="center"/>
    </xf>
    <xf numFmtId="0" fontId="18" fillId="0" borderId="6" xfId="0" applyFont="1" applyBorder="1">
      <alignment vertical="center"/>
    </xf>
    <xf numFmtId="0" fontId="18" fillId="0" borderId="8" xfId="0" applyFont="1" applyBorder="1">
      <alignment vertical="center"/>
    </xf>
    <xf numFmtId="0" fontId="18" fillId="0" borderId="6" xfId="0" applyFont="1" applyBorder="1" applyAlignment="1">
      <alignment horizontal="left" vertical="center"/>
    </xf>
    <xf numFmtId="0" fontId="18" fillId="0" borderId="13" xfId="0" applyFont="1" applyBorder="1">
      <alignment vertical="center"/>
    </xf>
    <xf numFmtId="179" fontId="18" fillId="0" borderId="4" xfId="1" applyNumberFormat="1" applyFont="1" applyFill="1" applyBorder="1" applyAlignment="1">
      <alignment horizontal="right" vertical="center"/>
    </xf>
    <xf numFmtId="176" fontId="18" fillId="0" borderId="4" xfId="1" applyNumberFormat="1" applyFont="1" applyFill="1" applyBorder="1" applyAlignment="1">
      <alignment horizontal="right" vertical="center"/>
    </xf>
    <xf numFmtId="180" fontId="18" fillId="0" borderId="4" xfId="2" applyNumberFormat="1" applyFont="1" applyFill="1" applyBorder="1" applyAlignment="1">
      <alignment horizontal="right" vertical="center"/>
    </xf>
    <xf numFmtId="184" fontId="18" fillId="0" borderId="4" xfId="2" applyNumberFormat="1" applyFont="1" applyFill="1" applyBorder="1" applyAlignment="1">
      <alignment horizontal="right" vertical="center"/>
    </xf>
    <xf numFmtId="180" fontId="18" fillId="0" borderId="4" xfId="2" applyNumberFormat="1" applyFont="1" applyFill="1" applyBorder="1" applyAlignment="1">
      <alignment horizontal="center" vertical="center"/>
    </xf>
    <xf numFmtId="181" fontId="18" fillId="0" borderId="4" xfId="2" applyNumberFormat="1" applyFont="1" applyFill="1" applyBorder="1" applyAlignment="1">
      <alignment vertical="center"/>
    </xf>
    <xf numFmtId="177" fontId="18" fillId="0" borderId="10" xfId="2" applyNumberFormat="1" applyFont="1" applyFill="1" applyBorder="1" applyAlignment="1">
      <alignment horizontal="center" vertical="center"/>
    </xf>
    <xf numFmtId="177" fontId="18" fillId="0" borderId="4" xfId="2" applyNumberFormat="1" applyFont="1" applyFill="1" applyBorder="1" applyAlignment="1">
      <alignment horizontal="center" vertical="center"/>
    </xf>
    <xf numFmtId="0" fontId="18" fillId="0" borderId="23" xfId="0" applyFont="1" applyBorder="1">
      <alignment vertical="center"/>
    </xf>
    <xf numFmtId="0" fontId="18" fillId="0" borderId="24" xfId="0" applyFont="1" applyBorder="1">
      <alignment vertical="center"/>
    </xf>
    <xf numFmtId="177" fontId="18" fillId="0" borderId="4" xfId="2" applyNumberFormat="1" applyFont="1" applyFill="1" applyBorder="1" applyAlignment="1">
      <alignment horizontal="right" vertical="center"/>
    </xf>
    <xf numFmtId="177" fontId="18" fillId="0" borderId="10" xfId="2" applyNumberFormat="1" applyFont="1" applyFill="1" applyBorder="1" applyAlignment="1">
      <alignment horizontal="right" vertical="center"/>
    </xf>
    <xf numFmtId="183" fontId="18" fillId="0" borderId="9" xfId="2" applyNumberFormat="1" applyFont="1" applyFill="1" applyBorder="1" applyAlignment="1">
      <alignment horizontal="right" vertical="center"/>
    </xf>
    <xf numFmtId="181" fontId="18" fillId="0" borderId="4" xfId="1" applyNumberFormat="1" applyFont="1" applyFill="1" applyBorder="1" applyAlignment="1">
      <alignment horizontal="right" vertical="center"/>
    </xf>
    <xf numFmtId="186" fontId="18" fillId="0" borderId="4" xfId="1" applyNumberFormat="1" applyFont="1" applyFill="1" applyBorder="1" applyAlignment="1">
      <alignment horizontal="right" vertical="center"/>
    </xf>
    <xf numFmtId="182" fontId="18" fillId="0" borderId="3" xfId="2" applyNumberFormat="1" applyFont="1" applyFill="1" applyBorder="1" applyAlignment="1">
      <alignment horizontal="right" vertical="center"/>
    </xf>
    <xf numFmtId="181" fontId="18" fillId="0" borderId="3" xfId="2" applyNumberFormat="1" applyFont="1" applyFill="1" applyBorder="1" applyAlignment="1">
      <alignment horizontal="right" vertical="center"/>
    </xf>
    <xf numFmtId="181" fontId="18" fillId="0" borderId="9" xfId="2" applyNumberFormat="1" applyFont="1" applyFill="1" applyBorder="1" applyAlignment="1">
      <alignment horizontal="right" vertical="center"/>
    </xf>
    <xf numFmtId="187" fontId="18" fillId="0" borderId="0" xfId="0" applyNumberFormat="1" applyFont="1">
      <alignment vertical="center"/>
    </xf>
    <xf numFmtId="0" fontId="18" fillId="0" borderId="5" xfId="0" applyFont="1" applyBorder="1" applyAlignment="1">
      <alignment horizontal="left" vertical="center"/>
    </xf>
    <xf numFmtId="0" fontId="18" fillId="0" borderId="18" xfId="0" applyFont="1" applyBorder="1">
      <alignment vertical="center"/>
    </xf>
    <xf numFmtId="0" fontId="18" fillId="0" borderId="29" xfId="0" applyFont="1" applyBorder="1">
      <alignment vertical="center"/>
    </xf>
    <xf numFmtId="0" fontId="18" fillId="0" borderId="25" xfId="0" applyFont="1" applyBorder="1">
      <alignment vertical="center"/>
    </xf>
    <xf numFmtId="0" fontId="18" fillId="0" borderId="61" xfId="0" applyFont="1" applyBorder="1">
      <alignment vertical="center"/>
    </xf>
    <xf numFmtId="0" fontId="18" fillId="0" borderId="7" xfId="0" applyFont="1" applyBorder="1" applyAlignment="1">
      <alignment horizontal="left" vertical="center"/>
    </xf>
    <xf numFmtId="0" fontId="18" fillId="0" borderId="14" xfId="0" applyFont="1" applyBorder="1">
      <alignment vertical="center"/>
    </xf>
    <xf numFmtId="0" fontId="18" fillId="0" borderId="19" xfId="0" applyFont="1" applyBorder="1">
      <alignment vertical="center"/>
    </xf>
    <xf numFmtId="0" fontId="18" fillId="0" borderId="20" xfId="0" applyFont="1" applyBorder="1">
      <alignment vertical="center"/>
    </xf>
    <xf numFmtId="0" fontId="18" fillId="0" borderId="21" xfId="0" applyFont="1" applyBorder="1">
      <alignment vertical="center"/>
    </xf>
    <xf numFmtId="0" fontId="18" fillId="0" borderId="7" xfId="0" quotePrefix="1" applyFont="1" applyBorder="1">
      <alignment vertical="center"/>
    </xf>
    <xf numFmtId="0" fontId="18" fillId="0" borderId="53" xfId="0" applyFont="1" applyBorder="1">
      <alignment vertical="center"/>
    </xf>
    <xf numFmtId="38" fontId="18" fillId="0" borderId="53" xfId="1" applyFont="1" applyFill="1" applyBorder="1" applyAlignment="1">
      <alignment vertical="center"/>
    </xf>
    <xf numFmtId="38" fontId="18" fillId="0" borderId="53" xfId="2" applyFont="1" applyFill="1" applyBorder="1" applyAlignment="1">
      <alignment vertical="center"/>
    </xf>
    <xf numFmtId="0" fontId="18" fillId="0" borderId="26" xfId="0" applyFont="1" applyBorder="1">
      <alignment vertical="center"/>
    </xf>
    <xf numFmtId="0" fontId="18" fillId="0" borderId="49" xfId="0" applyFont="1" applyBorder="1">
      <alignment vertical="center"/>
    </xf>
    <xf numFmtId="0" fontId="18" fillId="0" borderId="50" xfId="0" applyFont="1" applyBorder="1">
      <alignment vertical="center"/>
    </xf>
    <xf numFmtId="0" fontId="18" fillId="0" borderId="55" xfId="0" applyFont="1" applyBorder="1">
      <alignment vertical="center"/>
    </xf>
    <xf numFmtId="0" fontId="18" fillId="0" borderId="15" xfId="0" applyFont="1" applyBorder="1">
      <alignment vertical="center"/>
    </xf>
    <xf numFmtId="0" fontId="18" fillId="0" borderId="27" xfId="0" applyFont="1" applyBorder="1">
      <alignment vertical="center"/>
    </xf>
    <xf numFmtId="38" fontId="18" fillId="0" borderId="0" xfId="2" applyFont="1" applyFill="1" applyAlignment="1">
      <alignment vertical="center"/>
    </xf>
    <xf numFmtId="186" fontId="18" fillId="0" borderId="10" xfId="2" applyNumberFormat="1" applyFont="1" applyFill="1" applyBorder="1" applyAlignment="1">
      <alignment horizontal="right" vertical="center"/>
    </xf>
    <xf numFmtId="181" fontId="18" fillId="0" borderId="53" xfId="2" applyNumberFormat="1" applyFont="1" applyFill="1" applyBorder="1" applyAlignment="1">
      <alignment horizontal="right" vertical="center"/>
    </xf>
    <xf numFmtId="0" fontId="18" fillId="0" borderId="6" xfId="0" applyFont="1" applyBorder="1" applyAlignment="1">
      <alignment horizontal="center" vertical="center" textRotation="255"/>
    </xf>
    <xf numFmtId="0" fontId="18" fillId="0" borderId="8" xfId="0" applyFont="1" applyBorder="1" applyAlignment="1">
      <alignment horizontal="center" vertical="center" textRotation="255"/>
    </xf>
    <xf numFmtId="181" fontId="18" fillId="0" borderId="11" xfId="2" applyNumberFormat="1" applyFont="1" applyFill="1" applyBorder="1" applyAlignment="1">
      <alignment horizontal="right" vertical="center"/>
    </xf>
    <xf numFmtId="186" fontId="18" fillId="0" borderId="9" xfId="2" applyNumberFormat="1" applyFont="1" applyFill="1" applyBorder="1" applyAlignment="1">
      <alignment horizontal="right" vertical="center"/>
    </xf>
    <xf numFmtId="186" fontId="18" fillId="0" borderId="2" xfId="2" applyNumberFormat="1" applyFont="1" applyFill="1" applyBorder="1" applyAlignment="1">
      <alignment horizontal="right" vertical="center"/>
    </xf>
    <xf numFmtId="181" fontId="18" fillId="0" borderId="2" xfId="2" applyNumberFormat="1" applyFont="1" applyFill="1" applyBorder="1" applyAlignment="1">
      <alignment horizontal="right" vertical="center"/>
    </xf>
    <xf numFmtId="0" fontId="18" fillId="0" borderId="25" xfId="0" applyFont="1" applyBorder="1" applyAlignment="1">
      <alignment horizontal="left" vertical="center"/>
    </xf>
    <xf numFmtId="0" fontId="18" fillId="0" borderId="38" xfId="0" applyFont="1" applyBorder="1" applyAlignment="1">
      <alignment horizontal="center" vertical="center" wrapText="1"/>
    </xf>
    <xf numFmtId="0" fontId="18" fillId="0" borderId="37" xfId="0" applyFont="1" applyBorder="1" applyAlignment="1">
      <alignment horizontal="center" vertical="center" wrapText="1"/>
    </xf>
    <xf numFmtId="0" fontId="18" fillId="0" borderId="5" xfId="0" applyFont="1" applyBorder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8" fillId="0" borderId="13" xfId="0" applyFont="1" applyBorder="1" applyAlignment="1">
      <alignment horizontal="center" vertical="center" wrapText="1"/>
    </xf>
    <xf numFmtId="0" fontId="18" fillId="0" borderId="17" xfId="0" applyFont="1" applyBorder="1" applyAlignment="1">
      <alignment horizontal="center" vertical="center" wrapText="1"/>
    </xf>
    <xf numFmtId="0" fontId="18" fillId="0" borderId="25" xfId="0" applyFont="1" applyBorder="1" applyAlignment="1">
      <alignment horizontal="left" vertical="center" shrinkToFit="1"/>
    </xf>
    <xf numFmtId="0" fontId="18" fillId="0" borderId="19" xfId="0" applyFont="1" applyBorder="1" applyAlignment="1">
      <alignment horizontal="left" vertical="center"/>
    </xf>
    <xf numFmtId="0" fontId="18" fillId="0" borderId="20" xfId="0" applyFont="1" applyBorder="1" applyAlignment="1">
      <alignment horizontal="left" vertical="center"/>
    </xf>
    <xf numFmtId="0" fontId="18" fillId="0" borderId="21" xfId="0" applyFont="1" applyBorder="1" applyAlignment="1">
      <alignment horizontal="left" vertical="center"/>
    </xf>
    <xf numFmtId="0" fontId="18" fillId="0" borderId="38" xfId="0" applyFont="1" applyBorder="1" applyAlignment="1">
      <alignment horizontal="left" vertical="center"/>
    </xf>
    <xf numFmtId="0" fontId="18" fillId="0" borderId="37" xfId="0" applyFont="1" applyBorder="1" applyAlignment="1">
      <alignment horizontal="left" vertical="center"/>
    </xf>
    <xf numFmtId="0" fontId="18" fillId="0" borderId="18" xfId="0" applyFont="1" applyBorder="1" applyAlignment="1">
      <alignment horizontal="left" vertical="center"/>
    </xf>
    <xf numFmtId="0" fontId="18" fillId="0" borderId="30" xfId="0" applyFont="1" applyBorder="1" applyAlignment="1">
      <alignment vertical="center" textRotation="255"/>
    </xf>
    <xf numFmtId="0" fontId="18" fillId="0" borderId="29" xfId="0" applyFont="1" applyBorder="1" applyAlignment="1">
      <alignment vertical="center" textRotation="255"/>
    </xf>
    <xf numFmtId="0" fontId="18" fillId="0" borderId="25" xfId="0" applyFont="1" applyBorder="1" applyAlignment="1">
      <alignment vertical="center" textRotation="255"/>
    </xf>
    <xf numFmtId="0" fontId="18" fillId="0" borderId="23" xfId="0" applyFont="1" applyBorder="1" applyAlignment="1">
      <alignment horizontal="left" vertical="center"/>
    </xf>
    <xf numFmtId="0" fontId="18" fillId="0" borderId="39" xfId="0" applyFont="1" applyBorder="1" applyAlignment="1">
      <alignment vertical="center" textRotation="255"/>
    </xf>
    <xf numFmtId="0" fontId="18" fillId="0" borderId="35" xfId="0" applyFont="1" applyBorder="1" applyAlignment="1">
      <alignment vertical="center" textRotation="255"/>
    </xf>
    <xf numFmtId="0" fontId="18" fillId="0" borderId="28" xfId="0" applyFont="1" applyBorder="1" applyAlignment="1">
      <alignment vertical="center" textRotation="255"/>
    </xf>
    <xf numFmtId="0" fontId="18" fillId="0" borderId="40" xfId="0" applyFont="1" applyBorder="1" applyAlignment="1">
      <alignment vertical="center" wrapText="1"/>
    </xf>
    <xf numFmtId="0" fontId="12" fillId="0" borderId="41" xfId="0" applyFont="1" applyBorder="1">
      <alignment vertical="center"/>
    </xf>
    <xf numFmtId="0" fontId="12" fillId="0" borderId="42" xfId="0" applyFont="1" applyBorder="1">
      <alignment vertical="center"/>
    </xf>
    <xf numFmtId="0" fontId="18" fillId="0" borderId="43" xfId="0" applyFont="1" applyBorder="1" applyAlignment="1">
      <alignment vertical="center" wrapText="1"/>
    </xf>
    <xf numFmtId="0" fontId="12" fillId="0" borderId="44" xfId="0" applyFont="1" applyBorder="1">
      <alignment vertical="center"/>
    </xf>
    <xf numFmtId="0" fontId="12" fillId="0" borderId="45" xfId="0" applyFont="1" applyBorder="1">
      <alignment vertical="center"/>
    </xf>
    <xf numFmtId="0" fontId="12" fillId="0" borderId="46" xfId="0" applyFont="1" applyBorder="1">
      <alignment vertical="center"/>
    </xf>
    <xf numFmtId="0" fontId="12" fillId="0" borderId="47" xfId="0" applyFont="1" applyBorder="1">
      <alignment vertical="center"/>
    </xf>
    <xf numFmtId="0" fontId="12" fillId="0" borderId="48" xfId="0" applyFont="1" applyBorder="1">
      <alignment vertical="center"/>
    </xf>
    <xf numFmtId="0" fontId="18" fillId="0" borderId="49" xfId="0" applyFont="1" applyBorder="1" applyAlignment="1">
      <alignment horizontal="left" vertical="center"/>
    </xf>
    <xf numFmtId="0" fontId="18" fillId="0" borderId="50" xfId="0" applyFont="1" applyBorder="1" applyAlignment="1">
      <alignment horizontal="left" vertical="center"/>
    </xf>
    <xf numFmtId="0" fontId="18" fillId="0" borderId="51" xfId="0" applyFont="1" applyBorder="1" applyAlignment="1">
      <alignment horizontal="left" vertical="center"/>
    </xf>
    <xf numFmtId="0" fontId="18" fillId="0" borderId="22" xfId="0" applyFont="1" applyBorder="1" applyAlignment="1">
      <alignment horizontal="left" vertical="center"/>
    </xf>
    <xf numFmtId="0" fontId="18" fillId="0" borderId="22" xfId="0" applyFont="1" applyBorder="1" applyAlignment="1">
      <alignment horizontal="center" vertical="center" wrapText="1"/>
    </xf>
    <xf numFmtId="0" fontId="18" fillId="0" borderId="32" xfId="0" applyFont="1" applyBorder="1" applyAlignment="1">
      <alignment horizontal="center" vertical="center" wrapText="1"/>
    </xf>
    <xf numFmtId="0" fontId="18" fillId="0" borderId="8" xfId="0" applyFont="1" applyBorder="1" applyAlignment="1">
      <alignment horizontal="center" vertical="center" wrapText="1"/>
    </xf>
    <xf numFmtId="0" fontId="18" fillId="0" borderId="34" xfId="0" applyFont="1" applyBorder="1" applyAlignment="1">
      <alignment horizontal="center" vertical="center" wrapText="1"/>
    </xf>
    <xf numFmtId="0" fontId="18" fillId="0" borderId="6" xfId="0" applyFont="1" applyBorder="1" applyAlignment="1">
      <alignment horizontal="left" vertical="center"/>
    </xf>
    <xf numFmtId="0" fontId="18" fillId="0" borderId="0" xfId="0" applyFont="1" applyAlignment="1">
      <alignment horizontal="left" vertical="center"/>
    </xf>
    <xf numFmtId="0" fontId="18" fillId="0" borderId="36" xfId="0" applyFont="1" applyBorder="1" applyAlignment="1">
      <alignment horizontal="left" vertical="center"/>
    </xf>
    <xf numFmtId="0" fontId="18" fillId="0" borderId="16" xfId="0" applyFont="1" applyBorder="1" applyAlignment="1">
      <alignment horizontal="left" vertical="center"/>
    </xf>
    <xf numFmtId="0" fontId="18" fillId="0" borderId="32" xfId="0" applyFont="1" applyBorder="1" applyAlignment="1">
      <alignment horizontal="center" vertical="center"/>
    </xf>
    <xf numFmtId="0" fontId="18" fillId="0" borderId="8" xfId="0" applyFont="1" applyBorder="1" applyAlignment="1">
      <alignment horizontal="center" vertical="center"/>
    </xf>
    <xf numFmtId="0" fontId="18" fillId="0" borderId="34" xfId="0" applyFont="1" applyBorder="1" applyAlignment="1">
      <alignment horizontal="center" vertical="center"/>
    </xf>
    <xf numFmtId="0" fontId="18" fillId="0" borderId="56" xfId="0" applyFont="1" applyBorder="1">
      <alignment vertical="center"/>
    </xf>
    <xf numFmtId="0" fontId="18" fillId="0" borderId="57" xfId="0" applyFont="1" applyBorder="1">
      <alignment vertical="center"/>
    </xf>
    <xf numFmtId="0" fontId="18" fillId="0" borderId="38" xfId="0" applyFont="1" applyBorder="1" applyAlignment="1">
      <alignment vertical="center" wrapText="1"/>
    </xf>
    <xf numFmtId="0" fontId="18" fillId="0" borderId="37" xfId="0" applyFont="1" applyBorder="1" applyAlignment="1">
      <alignment vertical="center" wrapText="1"/>
    </xf>
    <xf numFmtId="0" fontId="18" fillId="0" borderId="32" xfId="0" applyFont="1" applyBorder="1" applyAlignment="1">
      <alignment vertical="center" wrapText="1"/>
    </xf>
    <xf numFmtId="0" fontId="18" fillId="0" borderId="5" xfId="0" applyFont="1" applyBorder="1" applyAlignment="1">
      <alignment vertical="center" wrapText="1"/>
    </xf>
    <xf numFmtId="0" fontId="18" fillId="0" borderId="0" xfId="0" applyFont="1" applyAlignment="1">
      <alignment vertical="center" wrapText="1"/>
    </xf>
    <xf numFmtId="0" fontId="18" fillId="0" borderId="33" xfId="0" applyFont="1" applyBorder="1" applyAlignment="1">
      <alignment vertical="center" wrapText="1"/>
    </xf>
    <xf numFmtId="0" fontId="18" fillId="0" borderId="13" xfId="0" applyFont="1" applyBorder="1" applyAlignment="1">
      <alignment vertical="center" wrapText="1"/>
    </xf>
    <xf numFmtId="0" fontId="18" fillId="0" borderId="17" xfId="0" applyFont="1" applyBorder="1" applyAlignment="1">
      <alignment vertical="center" wrapText="1"/>
    </xf>
    <xf numFmtId="0" fontId="18" fillId="0" borderId="34" xfId="0" applyFont="1" applyBorder="1" applyAlignment="1">
      <alignment vertical="center" wrapText="1"/>
    </xf>
    <xf numFmtId="0" fontId="18" fillId="0" borderId="6" xfId="0" applyFont="1" applyBorder="1" applyAlignment="1">
      <alignment horizontal="center" vertical="center" wrapText="1"/>
    </xf>
    <xf numFmtId="0" fontId="18" fillId="0" borderId="33" xfId="0" applyFont="1" applyBorder="1" applyAlignment="1">
      <alignment horizontal="center" vertical="center" wrapText="1"/>
    </xf>
    <xf numFmtId="0" fontId="18" fillId="0" borderId="16" xfId="0" applyFont="1" applyBorder="1">
      <alignment vertical="center"/>
    </xf>
    <xf numFmtId="0" fontId="18" fillId="0" borderId="39" xfId="0" applyFont="1" applyBorder="1" applyAlignment="1">
      <alignment horizontal="center" vertical="center" textRotation="255"/>
    </xf>
    <xf numFmtId="0" fontId="18" fillId="0" borderId="35" xfId="0" applyFont="1" applyBorder="1" applyAlignment="1">
      <alignment horizontal="center" vertical="center" textRotation="255"/>
    </xf>
    <xf numFmtId="0" fontId="18" fillId="0" borderId="28" xfId="0" applyFont="1" applyBorder="1" applyAlignment="1">
      <alignment horizontal="center" vertical="center" textRotation="255"/>
    </xf>
    <xf numFmtId="0" fontId="18" fillId="0" borderId="16" xfId="0" applyFont="1" applyBorder="1" applyAlignment="1">
      <alignment horizontal="center" vertical="center" textRotation="255"/>
    </xf>
    <xf numFmtId="0" fontId="18" fillId="0" borderId="22" xfId="0" applyFont="1" applyBorder="1" applyAlignment="1">
      <alignment horizontal="center" vertical="center"/>
    </xf>
    <xf numFmtId="0" fontId="18" fillId="0" borderId="6" xfId="0" applyFont="1" applyBorder="1" applyAlignment="1">
      <alignment horizontal="center" vertical="center"/>
    </xf>
    <xf numFmtId="0" fontId="18" fillId="0" borderId="33" xfId="0" applyFont="1" applyBorder="1" applyAlignment="1">
      <alignment horizontal="center" vertical="center"/>
    </xf>
    <xf numFmtId="0" fontId="18" fillId="0" borderId="52" xfId="0" applyFont="1" applyBorder="1" applyAlignment="1">
      <alignment horizontal="left" vertical="center"/>
    </xf>
    <xf numFmtId="0" fontId="18" fillId="0" borderId="53" xfId="0" applyFont="1" applyBorder="1" applyAlignment="1">
      <alignment horizontal="left" vertical="center"/>
    </xf>
    <xf numFmtId="0" fontId="18" fillId="0" borderId="54" xfId="0" applyFont="1" applyBorder="1" applyAlignment="1">
      <alignment horizontal="left" vertical="center"/>
    </xf>
    <xf numFmtId="0" fontId="18" fillId="0" borderId="22" xfId="0" applyFont="1" applyBorder="1">
      <alignment vertical="center"/>
    </xf>
    <xf numFmtId="0" fontId="18" fillId="0" borderId="18" xfId="0" applyFont="1" applyBorder="1">
      <alignment vertical="center"/>
    </xf>
    <xf numFmtId="0" fontId="18" fillId="0" borderId="7" xfId="0" applyFont="1" applyBorder="1">
      <alignment vertical="center"/>
    </xf>
    <xf numFmtId="0" fontId="18" fillId="0" borderId="6" xfId="0" applyFont="1" applyBorder="1">
      <alignment vertical="center"/>
    </xf>
    <xf numFmtId="0" fontId="18" fillId="0" borderId="5" xfId="0" applyFont="1" applyBorder="1">
      <alignment vertical="center"/>
    </xf>
    <xf numFmtId="0" fontId="18" fillId="0" borderId="61" xfId="0" applyFont="1" applyBorder="1">
      <alignment vertical="center"/>
    </xf>
    <xf numFmtId="0" fontId="18" fillId="0" borderId="7" xfId="0" applyFont="1" applyBorder="1" applyAlignment="1">
      <alignment horizontal="left" vertical="center"/>
    </xf>
    <xf numFmtId="0" fontId="18" fillId="0" borderId="6" xfId="0" quotePrefix="1" applyFont="1" applyBorder="1" applyAlignment="1">
      <alignment horizontal="left" vertical="center"/>
    </xf>
    <xf numFmtId="0" fontId="18" fillId="0" borderId="55" xfId="0" quotePrefix="1" applyFont="1" applyBorder="1" applyAlignment="1">
      <alignment horizontal="left" vertical="center"/>
    </xf>
    <xf numFmtId="0" fontId="18" fillId="0" borderId="19" xfId="0" applyFont="1" applyBorder="1">
      <alignment vertical="center"/>
    </xf>
    <xf numFmtId="0" fontId="18" fillId="0" borderId="20" xfId="0" applyFont="1" applyBorder="1">
      <alignment vertical="center"/>
    </xf>
    <xf numFmtId="0" fontId="18" fillId="0" borderId="21" xfId="0" applyFont="1" applyBorder="1">
      <alignment vertical="center"/>
    </xf>
    <xf numFmtId="0" fontId="18" fillId="0" borderId="23" xfId="0" quotePrefix="1" applyFont="1" applyBorder="1" applyAlignment="1">
      <alignment horizontal="left" vertical="center"/>
    </xf>
    <xf numFmtId="0" fontId="18" fillId="0" borderId="21" xfId="0" quotePrefix="1" applyFont="1" applyBorder="1" applyAlignment="1">
      <alignment horizontal="left" vertical="center"/>
    </xf>
    <xf numFmtId="0" fontId="18" fillId="0" borderId="5" xfId="0" applyFont="1" applyBorder="1" applyAlignment="1">
      <alignment horizontal="left" vertical="center"/>
    </xf>
    <xf numFmtId="0" fontId="18" fillId="0" borderId="8" xfId="0" applyFont="1" applyBorder="1" applyAlignment="1">
      <alignment horizontal="left" vertical="center"/>
    </xf>
    <xf numFmtId="0" fontId="18" fillId="0" borderId="14" xfId="0" applyFont="1" applyBorder="1" applyAlignment="1">
      <alignment horizontal="left" vertical="center"/>
    </xf>
    <xf numFmtId="0" fontId="18" fillId="0" borderId="56" xfId="0" applyFont="1" applyBorder="1" applyAlignment="1">
      <alignment horizontal="left" vertical="center"/>
    </xf>
    <xf numFmtId="0" fontId="18" fillId="0" borderId="57" xfId="0" applyFont="1" applyBorder="1" applyAlignment="1">
      <alignment horizontal="left" vertical="center"/>
    </xf>
    <xf numFmtId="0" fontId="18" fillId="0" borderId="58" xfId="0" applyFont="1" applyBorder="1" applyAlignment="1">
      <alignment horizontal="left" vertical="center"/>
    </xf>
    <xf numFmtId="0" fontId="18" fillId="0" borderId="30" xfId="0" applyFont="1" applyBorder="1" applyAlignment="1">
      <alignment horizontal="center" vertical="center" textRotation="255"/>
    </xf>
    <xf numFmtId="0" fontId="18" fillId="0" borderId="29" xfId="0" applyFont="1" applyBorder="1" applyAlignment="1">
      <alignment horizontal="center" vertical="center" textRotation="255"/>
    </xf>
    <xf numFmtId="0" fontId="18" fillId="0" borderId="25" xfId="0" applyFont="1" applyBorder="1" applyAlignment="1">
      <alignment horizontal="center" vertical="center" textRotation="255"/>
    </xf>
    <xf numFmtId="0" fontId="18" fillId="0" borderId="23" xfId="0" applyFont="1" applyBorder="1" applyAlignment="1">
      <alignment horizontal="left" vertical="center" shrinkToFit="1"/>
    </xf>
    <xf numFmtId="0" fontId="12" fillId="0" borderId="21" xfId="0" applyFont="1" applyBorder="1" applyAlignment="1">
      <alignment horizontal="left" vertical="center" shrinkToFit="1"/>
    </xf>
    <xf numFmtId="0" fontId="18" fillId="0" borderId="20" xfId="0" applyFont="1" applyBorder="1" applyAlignment="1">
      <alignment horizontal="left" vertical="center" shrinkToFit="1"/>
    </xf>
    <xf numFmtId="0" fontId="18" fillId="0" borderId="21" xfId="0" applyFont="1" applyBorder="1" applyAlignment="1">
      <alignment horizontal="left" vertical="center" shrinkToFit="1"/>
    </xf>
    <xf numFmtId="0" fontId="18" fillId="0" borderId="41" xfId="0" applyFont="1" applyBorder="1" applyAlignment="1">
      <alignment vertical="center" wrapText="1"/>
    </xf>
    <xf numFmtId="0" fontId="18" fillId="0" borderId="42" xfId="0" applyFont="1" applyBorder="1" applyAlignment="1">
      <alignment vertical="center" wrapText="1"/>
    </xf>
    <xf numFmtId="0" fontId="18" fillId="0" borderId="44" xfId="0" applyFont="1" applyBorder="1" applyAlignment="1">
      <alignment vertical="center" wrapText="1"/>
    </xf>
    <xf numFmtId="0" fontId="18" fillId="0" borderId="45" xfId="0" applyFont="1" applyBorder="1" applyAlignment="1">
      <alignment vertical="center" wrapText="1"/>
    </xf>
    <xf numFmtId="0" fontId="18" fillId="0" borderId="46" xfId="0" applyFont="1" applyBorder="1" applyAlignment="1">
      <alignment vertical="center" wrapText="1"/>
    </xf>
    <xf numFmtId="0" fontId="18" fillId="0" borderId="47" xfId="0" applyFont="1" applyBorder="1" applyAlignment="1">
      <alignment vertical="center" wrapText="1"/>
    </xf>
    <xf numFmtId="0" fontId="18" fillId="0" borderId="48" xfId="0" applyFont="1" applyBorder="1" applyAlignment="1">
      <alignment vertical="center" wrapText="1"/>
    </xf>
    <xf numFmtId="0" fontId="18" fillId="0" borderId="59" xfId="0" applyFont="1" applyBorder="1" applyAlignment="1">
      <alignment horizontal="left" vertical="center"/>
    </xf>
    <xf numFmtId="0" fontId="18" fillId="0" borderId="60" xfId="0" applyFont="1" applyBorder="1" applyAlignment="1">
      <alignment horizontal="center" vertical="center" textRotation="255"/>
    </xf>
    <xf numFmtId="0" fontId="18" fillId="0" borderId="5" xfId="0" applyFont="1" applyBorder="1" applyAlignment="1">
      <alignment horizontal="center" vertical="center" textRotation="255" wrapText="1"/>
    </xf>
    <xf numFmtId="0" fontId="18" fillId="0" borderId="6" xfId="0" applyFont="1" applyBorder="1" applyAlignment="1">
      <alignment horizontal="center" vertical="center" textRotation="255" wrapText="1"/>
    </xf>
    <xf numFmtId="0" fontId="18" fillId="0" borderId="56" xfId="0" applyFont="1" applyBorder="1" applyAlignment="1">
      <alignment horizontal="center" vertical="center" textRotation="255" wrapText="1"/>
    </xf>
    <xf numFmtId="0" fontId="18" fillId="0" borderId="57" xfId="0" applyFont="1" applyBorder="1" applyAlignment="1">
      <alignment horizontal="center" vertical="center" textRotation="255" wrapText="1"/>
    </xf>
    <xf numFmtId="0" fontId="18" fillId="0" borderId="0" xfId="0" applyFont="1" applyAlignment="1">
      <alignment horizontal="center" vertical="center" textRotation="255" wrapText="1"/>
    </xf>
    <xf numFmtId="0" fontId="18" fillId="0" borderId="13" xfId="0" applyFont="1" applyBorder="1" applyAlignment="1">
      <alignment horizontal="center" vertical="center" textRotation="255" wrapText="1"/>
    </xf>
    <xf numFmtId="0" fontId="18" fillId="0" borderId="17" xfId="0" applyFont="1" applyBorder="1" applyAlignment="1">
      <alignment horizontal="center" vertical="center" textRotation="255" wrapText="1"/>
    </xf>
    <xf numFmtId="0" fontId="18" fillId="0" borderId="17" xfId="0" applyFont="1" applyBorder="1" applyAlignment="1">
      <alignment horizontal="left" vertical="center"/>
    </xf>
    <xf numFmtId="0" fontId="18" fillId="0" borderId="55" xfId="0" applyFont="1" applyBorder="1" applyAlignment="1">
      <alignment horizontal="left" vertical="center"/>
    </xf>
    <xf numFmtId="0" fontId="18" fillId="0" borderId="38" xfId="0" applyFont="1" applyBorder="1" applyAlignment="1">
      <alignment horizontal="center" vertical="center" textRotation="255"/>
    </xf>
    <xf numFmtId="0" fontId="18" fillId="0" borderId="24" xfId="0" applyFont="1" applyBorder="1" applyAlignment="1">
      <alignment horizontal="left" vertical="center"/>
    </xf>
    <xf numFmtId="0" fontId="18" fillId="0" borderId="19" xfId="0" applyFont="1" applyBorder="1" applyAlignment="1">
      <alignment horizontal="center" vertical="center" textRotation="255"/>
    </xf>
    <xf numFmtId="0" fontId="18" fillId="0" borderId="19" xfId="0" applyFont="1" applyBorder="1" applyAlignment="1">
      <alignment horizontal="left" vertical="center" shrinkToFit="1"/>
    </xf>
    <xf numFmtId="0" fontId="18" fillId="0" borderId="31" xfId="0" applyFont="1" applyBorder="1" applyAlignment="1">
      <alignment horizontal="center" vertical="center" textRotation="255"/>
    </xf>
    <xf numFmtId="0" fontId="18" fillId="0" borderId="19" xfId="0" applyFont="1" applyBorder="1" applyAlignment="1">
      <alignment horizontal="center" vertical="center" wrapText="1"/>
    </xf>
    <xf numFmtId="0" fontId="18" fillId="0" borderId="20" xfId="0" applyFont="1" applyBorder="1" applyAlignment="1">
      <alignment horizontal="center" vertical="center"/>
    </xf>
    <xf numFmtId="0" fontId="18" fillId="0" borderId="24" xfId="0" applyFont="1" applyBorder="1" applyAlignment="1">
      <alignment horizontal="center" vertical="center"/>
    </xf>
    <xf numFmtId="0" fontId="18" fillId="0" borderId="31" xfId="0" applyFont="1" applyBorder="1" applyAlignment="1">
      <alignment horizontal="center" vertical="center"/>
    </xf>
    <xf numFmtId="0" fontId="18" fillId="0" borderId="23" xfId="0" applyFont="1" applyBorder="1" applyAlignment="1">
      <alignment horizontal="center" vertical="center"/>
    </xf>
  </cellXfs>
  <cellStyles count="18">
    <cellStyle name="パーセント 2" xfId="9" xr:uid="{00000000-0005-0000-0000-000000000000}"/>
    <cellStyle name="桁区切り" xfId="1" builtinId="6"/>
    <cellStyle name="桁区切り 2" xfId="2" xr:uid="{00000000-0005-0000-0000-000002000000}"/>
    <cellStyle name="桁区切り 3" xfId="6" xr:uid="{00000000-0005-0000-0000-000003000000}"/>
    <cellStyle name="桁区切り 4" xfId="8" xr:uid="{00000000-0005-0000-0000-000004000000}"/>
    <cellStyle name="桁区切り 5" xfId="13" xr:uid="{00000000-0005-0000-0000-000005000000}"/>
    <cellStyle name="標準" xfId="0" builtinId="0"/>
    <cellStyle name="標準 2" xfId="3" xr:uid="{00000000-0005-0000-0000-000007000000}"/>
    <cellStyle name="標準 2 2" xfId="10" xr:uid="{00000000-0005-0000-0000-000008000000}"/>
    <cellStyle name="標準 2 3" xfId="14" xr:uid="{00000000-0005-0000-0000-000009000000}"/>
    <cellStyle name="標準 2 4" xfId="15" xr:uid="{00000000-0005-0000-0000-00000A000000}"/>
    <cellStyle name="標準 3" xfId="4" xr:uid="{00000000-0005-0000-0000-00000B000000}"/>
    <cellStyle name="標準 3 2" xfId="11" xr:uid="{00000000-0005-0000-0000-00000C000000}"/>
    <cellStyle name="標準 3 3" xfId="16" xr:uid="{00000000-0005-0000-0000-00000D000000}"/>
    <cellStyle name="標準 4" xfId="5" xr:uid="{00000000-0005-0000-0000-00000E000000}"/>
    <cellStyle name="標準 5" xfId="7" xr:uid="{00000000-0005-0000-0000-00000F000000}"/>
    <cellStyle name="標準 6" xfId="12" xr:uid="{00000000-0005-0000-0000-000010000000}"/>
    <cellStyle name="未定義" xfId="17" xr:uid="{00000000-0005-0000-0000-000011000000}"/>
  </cellStyles>
  <dxfs count="6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02o00ot030\kouei\H19\40_&#35519;&#26619;&#32113;&#35336;\02_&#27770;&#31639;&#29366;&#27841;&#35519;&#26619;\030_&#35352;&#32773;&#30330;&#34920;&#36039;&#26009;\01_H18&#27770;&#31639;&#27010;&#27841;\&#27700;&#36947;&#26009;&#3732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user\909239\Desktop\&#9733;&#12424;&#12367;&#20351;&#12358;&#12420;&#12388;\01.&#27770;&#31639;&#32113;&#35336;&#38306;&#20418;\&#9733;&#27770;&#31639;&#32113;&#35336;&#36942;&#21435;&#12487;&#12540;&#12479;\H24&#27770;&#31639;&#12487;&#12540;&#12479;\&#9733;H24&#21512;10&#3492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3mm"/>
      <sheetName val="20mm"/>
      <sheetName val="Sheet2"/>
      <sheetName val="下水"/>
      <sheetName val="Sheet3"/>
    </sheetNames>
    <sheetDataSet>
      <sheetData sheetId="0"/>
      <sheetData sheetId="1"/>
      <sheetData sheetId="2"/>
      <sheetData sheetId="3"/>
      <sheetData sheetId="4">
        <row r="2">
          <cell r="A2" t="str">
            <v>さいたま市</v>
          </cell>
          <cell r="B2">
            <v>1</v>
          </cell>
        </row>
        <row r="3">
          <cell r="A3" t="str">
            <v>川越市</v>
          </cell>
          <cell r="B3">
            <v>2</v>
          </cell>
        </row>
        <row r="4">
          <cell r="A4" t="str">
            <v>熊谷市</v>
          </cell>
          <cell r="B4">
            <v>3</v>
          </cell>
        </row>
        <row r="5">
          <cell r="A5" t="str">
            <v>川口市</v>
          </cell>
          <cell r="B5">
            <v>4</v>
          </cell>
        </row>
        <row r="6">
          <cell r="A6" t="str">
            <v>行田市</v>
          </cell>
          <cell r="B6">
            <v>5</v>
          </cell>
        </row>
        <row r="7">
          <cell r="A7" t="str">
            <v>秩父市</v>
          </cell>
          <cell r="B7">
            <v>6</v>
          </cell>
        </row>
        <row r="8">
          <cell r="A8" t="str">
            <v>所沢市</v>
          </cell>
          <cell r="B8">
            <v>7</v>
          </cell>
        </row>
        <row r="9">
          <cell r="A9" t="str">
            <v>飯能市</v>
          </cell>
          <cell r="B9">
            <v>8</v>
          </cell>
        </row>
        <row r="10">
          <cell r="A10" t="str">
            <v>加須市</v>
          </cell>
          <cell r="B10">
            <v>9</v>
          </cell>
        </row>
        <row r="11">
          <cell r="A11" t="str">
            <v>本庄市</v>
          </cell>
          <cell r="B11">
            <v>10</v>
          </cell>
        </row>
        <row r="12">
          <cell r="A12" t="str">
            <v>東松山市</v>
          </cell>
          <cell r="B12">
            <v>11</v>
          </cell>
        </row>
        <row r="13">
          <cell r="A13" t="str">
            <v>春日部市</v>
          </cell>
          <cell r="B13">
            <v>12</v>
          </cell>
        </row>
        <row r="14">
          <cell r="A14" t="str">
            <v>狭山市</v>
          </cell>
          <cell r="B14">
            <v>13</v>
          </cell>
        </row>
        <row r="15">
          <cell r="A15" t="str">
            <v>羽生市</v>
          </cell>
          <cell r="B15">
            <v>14</v>
          </cell>
        </row>
        <row r="16">
          <cell r="A16" t="str">
            <v>鴻巣市</v>
          </cell>
          <cell r="B16">
            <v>15</v>
          </cell>
        </row>
        <row r="17">
          <cell r="A17" t="str">
            <v>深谷市</v>
          </cell>
          <cell r="B17">
            <v>16</v>
          </cell>
        </row>
        <row r="18">
          <cell r="A18" t="str">
            <v>上尾市</v>
          </cell>
          <cell r="B18">
            <v>17</v>
          </cell>
        </row>
        <row r="19">
          <cell r="A19" t="str">
            <v>草加市</v>
          </cell>
          <cell r="B19">
            <v>18</v>
          </cell>
        </row>
        <row r="20">
          <cell r="A20" t="str">
            <v>越谷市</v>
          </cell>
          <cell r="B20">
            <v>19</v>
          </cell>
        </row>
        <row r="21">
          <cell r="A21" t="str">
            <v>蕨市</v>
          </cell>
          <cell r="B21">
            <v>20</v>
          </cell>
        </row>
        <row r="22">
          <cell r="A22" t="str">
            <v>戸田市</v>
          </cell>
          <cell r="B22">
            <v>21</v>
          </cell>
        </row>
        <row r="23">
          <cell r="A23" t="str">
            <v>入間市</v>
          </cell>
          <cell r="B23">
            <v>22</v>
          </cell>
        </row>
        <row r="24">
          <cell r="A24" t="str">
            <v>鳩ケ谷市</v>
          </cell>
          <cell r="B24">
            <v>23</v>
          </cell>
        </row>
        <row r="25">
          <cell r="A25" t="str">
            <v>朝霞市</v>
          </cell>
          <cell r="B25">
            <v>24</v>
          </cell>
        </row>
        <row r="26">
          <cell r="A26" t="str">
            <v>志木市</v>
          </cell>
          <cell r="B26">
            <v>25</v>
          </cell>
        </row>
        <row r="27">
          <cell r="A27" t="str">
            <v>和光市</v>
          </cell>
          <cell r="B27">
            <v>26</v>
          </cell>
        </row>
        <row r="28">
          <cell r="A28" t="str">
            <v>新座市</v>
          </cell>
          <cell r="B28">
            <v>27</v>
          </cell>
        </row>
        <row r="29">
          <cell r="A29" t="str">
            <v>桶川市</v>
          </cell>
          <cell r="B29">
            <v>28</v>
          </cell>
        </row>
        <row r="30">
          <cell r="A30" t="str">
            <v>久喜市</v>
          </cell>
          <cell r="B30">
            <v>29</v>
          </cell>
        </row>
        <row r="31">
          <cell r="A31" t="str">
            <v>北本市</v>
          </cell>
          <cell r="B31">
            <v>30</v>
          </cell>
        </row>
        <row r="32">
          <cell r="A32" t="str">
            <v>八潮市</v>
          </cell>
          <cell r="B32">
            <v>31</v>
          </cell>
        </row>
        <row r="33">
          <cell r="A33" t="str">
            <v>富士見市</v>
          </cell>
          <cell r="B33">
            <v>32</v>
          </cell>
        </row>
        <row r="34">
          <cell r="A34" t="str">
            <v>三郷市</v>
          </cell>
          <cell r="B34">
            <v>33</v>
          </cell>
        </row>
        <row r="35">
          <cell r="A35" t="str">
            <v>蓮田市</v>
          </cell>
          <cell r="B35">
            <v>34</v>
          </cell>
        </row>
        <row r="36">
          <cell r="A36" t="str">
            <v>坂戸市</v>
          </cell>
          <cell r="B36">
            <v>35</v>
          </cell>
        </row>
        <row r="37">
          <cell r="A37" t="str">
            <v>幸手市</v>
          </cell>
          <cell r="B37">
            <v>36</v>
          </cell>
        </row>
        <row r="38">
          <cell r="A38" t="str">
            <v>鶴ケ島市</v>
          </cell>
          <cell r="B38">
            <v>37</v>
          </cell>
        </row>
        <row r="39">
          <cell r="A39" t="str">
            <v>日高市</v>
          </cell>
          <cell r="B39">
            <v>38</v>
          </cell>
        </row>
        <row r="40">
          <cell r="A40" t="str">
            <v>吉川市</v>
          </cell>
          <cell r="B40">
            <v>39</v>
          </cell>
        </row>
        <row r="41">
          <cell r="A41" t="str">
            <v>ふじみ野市</v>
          </cell>
          <cell r="B41">
            <v>40</v>
          </cell>
        </row>
        <row r="42">
          <cell r="A42" t="str">
            <v>伊奈町</v>
          </cell>
          <cell r="B42">
            <v>41</v>
          </cell>
        </row>
        <row r="43">
          <cell r="A43" t="str">
            <v>三芳町</v>
          </cell>
          <cell r="B43">
            <v>42</v>
          </cell>
        </row>
        <row r="44">
          <cell r="A44" t="str">
            <v>毛呂山町</v>
          </cell>
          <cell r="B44">
            <v>43</v>
          </cell>
        </row>
        <row r="45">
          <cell r="A45" t="str">
            <v>越生町</v>
          </cell>
          <cell r="B45">
            <v>44</v>
          </cell>
        </row>
        <row r="46">
          <cell r="A46" t="str">
            <v>滑川町</v>
          </cell>
          <cell r="B46">
            <v>45</v>
          </cell>
        </row>
        <row r="47">
          <cell r="A47" t="str">
            <v>嵐山町</v>
          </cell>
          <cell r="B47">
            <v>46</v>
          </cell>
        </row>
        <row r="48">
          <cell r="A48" t="str">
            <v>小川町</v>
          </cell>
          <cell r="B48">
            <v>47</v>
          </cell>
        </row>
        <row r="49">
          <cell r="A49" t="str">
            <v>川島町</v>
          </cell>
          <cell r="B49">
            <v>48</v>
          </cell>
        </row>
        <row r="50">
          <cell r="A50" t="str">
            <v>吉見町</v>
          </cell>
          <cell r="B50">
            <v>49</v>
          </cell>
        </row>
        <row r="51">
          <cell r="A51" t="str">
            <v>鳩山町</v>
          </cell>
          <cell r="B51">
            <v>50</v>
          </cell>
        </row>
        <row r="52">
          <cell r="A52" t="str">
            <v>ときがわ町</v>
          </cell>
          <cell r="B52">
            <v>51</v>
          </cell>
        </row>
        <row r="53">
          <cell r="A53" t="str">
            <v>横瀬町</v>
          </cell>
          <cell r="B53">
            <v>52</v>
          </cell>
        </row>
        <row r="54">
          <cell r="A54" t="str">
            <v>皆野町</v>
          </cell>
          <cell r="B54">
            <v>53</v>
          </cell>
        </row>
        <row r="55">
          <cell r="A55" t="str">
            <v>長瀞町</v>
          </cell>
          <cell r="B55">
            <v>54</v>
          </cell>
        </row>
        <row r="56">
          <cell r="A56" t="str">
            <v>小鹿野町</v>
          </cell>
          <cell r="B56">
            <v>55</v>
          </cell>
        </row>
        <row r="57">
          <cell r="A57" t="str">
            <v>東秩父村</v>
          </cell>
          <cell r="B57">
            <v>56</v>
          </cell>
        </row>
        <row r="58">
          <cell r="A58" t="str">
            <v>美里町</v>
          </cell>
          <cell r="B58">
            <v>57</v>
          </cell>
        </row>
        <row r="59">
          <cell r="A59" t="str">
            <v>神川町</v>
          </cell>
          <cell r="B59">
            <v>58</v>
          </cell>
        </row>
        <row r="60">
          <cell r="A60" t="str">
            <v>上里町</v>
          </cell>
          <cell r="B60">
            <v>59</v>
          </cell>
        </row>
        <row r="61">
          <cell r="A61" t="str">
            <v>寄居町</v>
          </cell>
          <cell r="B61">
            <v>60</v>
          </cell>
        </row>
        <row r="62">
          <cell r="A62" t="str">
            <v>騎西町</v>
          </cell>
          <cell r="B62">
            <v>61</v>
          </cell>
        </row>
        <row r="63">
          <cell r="A63" t="str">
            <v>北川辺町</v>
          </cell>
          <cell r="B63">
            <v>62</v>
          </cell>
        </row>
        <row r="64">
          <cell r="A64" t="str">
            <v>大利根町</v>
          </cell>
          <cell r="B64">
            <v>63</v>
          </cell>
        </row>
        <row r="65">
          <cell r="A65" t="str">
            <v>宮代町</v>
          </cell>
          <cell r="B65">
            <v>64</v>
          </cell>
        </row>
        <row r="66">
          <cell r="A66" t="str">
            <v>白岡町</v>
          </cell>
          <cell r="B66">
            <v>65</v>
          </cell>
        </row>
        <row r="67">
          <cell r="A67" t="str">
            <v>菖蒲町</v>
          </cell>
          <cell r="B67">
            <v>66</v>
          </cell>
        </row>
        <row r="68">
          <cell r="A68" t="str">
            <v>栗橋町</v>
          </cell>
          <cell r="B68">
            <v>67</v>
          </cell>
        </row>
        <row r="69">
          <cell r="A69" t="str">
            <v>鷲宮町</v>
          </cell>
          <cell r="B69">
            <v>68</v>
          </cell>
        </row>
        <row r="70">
          <cell r="A70" t="str">
            <v>杉戸町</v>
          </cell>
          <cell r="B70">
            <v>69</v>
          </cell>
        </row>
        <row r="71">
          <cell r="A71" t="str">
            <v>松伏町</v>
          </cell>
          <cell r="B71">
            <v>70</v>
          </cell>
        </row>
        <row r="72">
          <cell r="A72" t="str">
            <v>越谷・松伏水道企業団</v>
          </cell>
          <cell r="B72">
            <v>71</v>
          </cell>
        </row>
        <row r="73">
          <cell r="A73" t="str">
            <v>皆野・長瀞水道企業団</v>
          </cell>
          <cell r="B73">
            <v>72</v>
          </cell>
        </row>
        <row r="74">
          <cell r="A74" t="str">
            <v>桶川北本水道企業団</v>
          </cell>
          <cell r="B74">
            <v>73</v>
          </cell>
        </row>
        <row r="75">
          <cell r="A75" t="str">
            <v>坂戸、鶴ケ島水道企業団</v>
          </cell>
          <cell r="B75">
            <v>74</v>
          </cell>
        </row>
        <row r="76">
          <cell r="A76" t="str">
            <v>坂戸、鶴ケ島下水道組合</v>
          </cell>
          <cell r="B76">
            <v>75</v>
          </cell>
        </row>
        <row r="77">
          <cell r="A77" t="str">
            <v>毛呂山・越生・鳩山公共下水道組合</v>
          </cell>
          <cell r="B77">
            <v>76</v>
          </cell>
        </row>
        <row r="78">
          <cell r="A78" t="str">
            <v>秩北衛生下水道組合</v>
          </cell>
          <cell r="B78">
            <v>77</v>
          </cell>
        </row>
        <row r="79">
          <cell r="A79" t="str">
            <v>東埼玉資源環境組合</v>
          </cell>
          <cell r="B79">
            <v>78</v>
          </cell>
        </row>
        <row r="80">
          <cell r="A80" t="str">
            <v>栗橋・大利根土地区画整理一部事務組合</v>
          </cell>
          <cell r="B80">
            <v>79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2460001000"/>
      <sheetName val="10(000)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2">
    <pageSetUpPr fitToPage="1"/>
  </sheetPr>
  <dimension ref="A1:DL73"/>
  <sheetViews>
    <sheetView tabSelected="1" view="pageBreakPreview" zoomScaleNormal="115" zoomScaleSheetLayoutView="100" workbookViewId="0">
      <selection sqref="A1:E3"/>
    </sheetView>
  </sheetViews>
  <sheetFormatPr defaultColWidth="9.58203125" defaultRowHeight="10" customHeight="1"/>
  <cols>
    <col min="1" max="3" width="1.58203125" style="13" customWidth="1"/>
    <col min="4" max="4" width="2.58203125" style="13" customWidth="1"/>
    <col min="5" max="5" width="14.58203125" style="13" customWidth="1"/>
    <col min="6" max="111" width="9.58203125" style="13" customWidth="1"/>
    <col min="112" max="112" width="9.58203125" style="12" customWidth="1"/>
    <col min="113" max="116" width="9.58203125" style="12"/>
    <col min="117" max="16384" width="9.58203125" style="13"/>
  </cols>
  <sheetData>
    <row r="1" spans="1:111" ht="10" customHeight="1">
      <c r="A1" s="102" t="s">
        <v>150</v>
      </c>
      <c r="B1" s="103"/>
      <c r="C1" s="103"/>
      <c r="D1" s="103"/>
      <c r="E1" s="104"/>
      <c r="F1" s="8" t="s">
        <v>229</v>
      </c>
      <c r="G1" s="8" t="s">
        <v>230</v>
      </c>
      <c r="H1" s="8" t="s">
        <v>258</v>
      </c>
      <c r="I1" s="8" t="s">
        <v>259</v>
      </c>
      <c r="J1" s="8" t="s">
        <v>260</v>
      </c>
      <c r="K1" s="8" t="s">
        <v>261</v>
      </c>
      <c r="L1" s="8" t="s">
        <v>231</v>
      </c>
      <c r="M1" s="8" t="s">
        <v>262</v>
      </c>
      <c r="N1" s="8" t="s">
        <v>232</v>
      </c>
      <c r="O1" s="8" t="s">
        <v>233</v>
      </c>
      <c r="P1" s="8" t="s">
        <v>263</v>
      </c>
      <c r="Q1" s="8" t="s">
        <v>234</v>
      </c>
      <c r="R1" s="8" t="s">
        <v>235</v>
      </c>
      <c r="S1" s="8" t="s">
        <v>264</v>
      </c>
      <c r="T1" s="8" t="s">
        <v>236</v>
      </c>
      <c r="U1" s="8" t="s">
        <v>237</v>
      </c>
      <c r="V1" s="8" t="s">
        <v>265</v>
      </c>
      <c r="W1" s="8" t="s">
        <v>266</v>
      </c>
      <c r="X1" s="8" t="s">
        <v>267</v>
      </c>
      <c r="Y1" s="8" t="s">
        <v>268</v>
      </c>
      <c r="Z1" s="8" t="s">
        <v>238</v>
      </c>
      <c r="AA1" s="8" t="s">
        <v>239</v>
      </c>
      <c r="AB1" s="8" t="s">
        <v>269</v>
      </c>
      <c r="AC1" s="8" t="s">
        <v>240</v>
      </c>
      <c r="AD1" s="8" t="s">
        <v>241</v>
      </c>
      <c r="AE1" s="8" t="s">
        <v>270</v>
      </c>
      <c r="AF1" s="8" t="s">
        <v>271</v>
      </c>
      <c r="AG1" s="8" t="s">
        <v>272</v>
      </c>
      <c r="AH1" s="8" t="s">
        <v>318</v>
      </c>
      <c r="AI1" s="8" t="s">
        <v>273</v>
      </c>
      <c r="AJ1" s="8" t="s">
        <v>242</v>
      </c>
      <c r="AK1" s="8" t="s">
        <v>274</v>
      </c>
      <c r="AL1" s="8" t="s">
        <v>275</v>
      </c>
      <c r="AM1" s="8" t="s">
        <v>276</v>
      </c>
      <c r="AN1" s="8" t="s">
        <v>243</v>
      </c>
      <c r="AO1" s="8" t="s">
        <v>277</v>
      </c>
      <c r="AP1" s="8" t="s">
        <v>245</v>
      </c>
      <c r="AQ1" s="8" t="s">
        <v>319</v>
      </c>
      <c r="AR1" s="8" t="s">
        <v>278</v>
      </c>
      <c r="AS1" s="8" t="s">
        <v>279</v>
      </c>
      <c r="AT1" s="8" t="s">
        <v>282</v>
      </c>
      <c r="AU1" s="8" t="s">
        <v>283</v>
      </c>
      <c r="AV1" s="8" t="s">
        <v>284</v>
      </c>
      <c r="AW1" s="8" t="s">
        <v>285</v>
      </c>
      <c r="AX1" s="8" t="s">
        <v>286</v>
      </c>
      <c r="AY1" s="8" t="s">
        <v>292</v>
      </c>
      <c r="AZ1" s="8" t="s">
        <v>293</v>
      </c>
      <c r="BA1" s="8" t="s">
        <v>244</v>
      </c>
      <c r="BB1" s="8" t="s">
        <v>294</v>
      </c>
      <c r="BC1" s="8" t="s">
        <v>295</v>
      </c>
      <c r="BD1" s="8" t="s">
        <v>296</v>
      </c>
      <c r="BE1" s="9" t="s">
        <v>297</v>
      </c>
      <c r="BF1" s="8" t="s">
        <v>332</v>
      </c>
      <c r="BG1" s="10" t="s">
        <v>333</v>
      </c>
      <c r="BH1" s="8" t="s">
        <v>335</v>
      </c>
      <c r="BI1" s="8" t="s">
        <v>262</v>
      </c>
      <c r="BJ1" s="8" t="s">
        <v>234</v>
      </c>
      <c r="BK1" s="8" t="s">
        <v>270</v>
      </c>
      <c r="BL1" s="8" t="s">
        <v>242</v>
      </c>
      <c r="BM1" s="8" t="s">
        <v>275</v>
      </c>
      <c r="BN1" s="8" t="s">
        <v>279</v>
      </c>
      <c r="BO1" s="8" t="s">
        <v>286</v>
      </c>
      <c r="BP1" s="8" t="s">
        <v>289</v>
      </c>
      <c r="BQ1" s="8" t="s">
        <v>293</v>
      </c>
      <c r="BR1" s="8" t="s">
        <v>244</v>
      </c>
      <c r="BS1" s="8" t="s">
        <v>296</v>
      </c>
      <c r="BT1" s="8" t="s">
        <v>334</v>
      </c>
      <c r="BU1" s="8" t="s">
        <v>335</v>
      </c>
      <c r="BV1" s="8" t="s">
        <v>258</v>
      </c>
      <c r="BW1" s="8" t="s">
        <v>261</v>
      </c>
      <c r="BX1" s="8" t="s">
        <v>232</v>
      </c>
      <c r="BY1" s="8" t="s">
        <v>233</v>
      </c>
      <c r="BZ1" s="8" t="s">
        <v>236</v>
      </c>
      <c r="CA1" s="8" t="s">
        <v>237</v>
      </c>
      <c r="CB1" s="8" t="s">
        <v>272</v>
      </c>
      <c r="CC1" s="8" t="s">
        <v>275</v>
      </c>
      <c r="CD1" s="8" t="s">
        <v>276</v>
      </c>
      <c r="CE1" s="8" t="s">
        <v>243</v>
      </c>
      <c r="CF1" s="8" t="s">
        <v>277</v>
      </c>
      <c r="CG1" s="8" t="s">
        <v>319</v>
      </c>
      <c r="CH1" s="8" t="s">
        <v>280</v>
      </c>
      <c r="CI1" s="8" t="s">
        <v>281</v>
      </c>
      <c r="CJ1" s="8" t="s">
        <v>282</v>
      </c>
      <c r="CK1" s="8" t="s">
        <v>284</v>
      </c>
      <c r="CL1" s="8" t="s">
        <v>286</v>
      </c>
      <c r="CM1" s="8" t="s">
        <v>287</v>
      </c>
      <c r="CN1" s="8" t="s">
        <v>292</v>
      </c>
      <c r="CO1" s="8" t="s">
        <v>244</v>
      </c>
      <c r="CP1" s="8" t="s">
        <v>294</v>
      </c>
      <c r="CQ1" s="8" t="s">
        <v>295</v>
      </c>
      <c r="CR1" s="8" t="s">
        <v>297</v>
      </c>
      <c r="CS1" s="8" t="s">
        <v>331</v>
      </c>
      <c r="CT1" s="8" t="s">
        <v>261</v>
      </c>
      <c r="CU1" s="8" t="s">
        <v>282</v>
      </c>
      <c r="CV1" s="8" t="s">
        <v>283</v>
      </c>
      <c r="CW1" s="8" t="s">
        <v>284</v>
      </c>
      <c r="CX1" s="8" t="s">
        <v>286</v>
      </c>
      <c r="CY1" s="8" t="s">
        <v>287</v>
      </c>
      <c r="CZ1" s="8" t="s">
        <v>288</v>
      </c>
      <c r="DA1" s="8" t="s">
        <v>289</v>
      </c>
      <c r="DB1" s="8" t="s">
        <v>290</v>
      </c>
      <c r="DC1" s="8" t="s">
        <v>291</v>
      </c>
      <c r="DD1" s="8" t="s">
        <v>294</v>
      </c>
      <c r="DE1" s="11" t="s">
        <v>334</v>
      </c>
      <c r="DF1" s="8" t="s">
        <v>335</v>
      </c>
      <c r="DG1" s="8" t="s">
        <v>215</v>
      </c>
    </row>
    <row r="2" spans="1:111" ht="10" customHeight="1">
      <c r="A2" s="105"/>
      <c r="B2" s="106"/>
      <c r="C2" s="106"/>
      <c r="D2" s="106"/>
      <c r="E2" s="107"/>
      <c r="F2" s="14"/>
      <c r="G2" s="14"/>
      <c r="H2" s="14"/>
      <c r="I2" s="14"/>
      <c r="J2" s="14"/>
      <c r="K2" s="14"/>
      <c r="L2" s="14"/>
      <c r="M2" s="14"/>
      <c r="N2" s="14"/>
      <c r="O2" s="14"/>
      <c r="P2" s="14"/>
      <c r="Q2" s="14"/>
      <c r="R2" s="14"/>
      <c r="S2" s="14"/>
      <c r="T2" s="14"/>
      <c r="U2" s="14"/>
      <c r="V2" s="14"/>
      <c r="W2" s="14"/>
      <c r="X2" s="14"/>
      <c r="Y2" s="14"/>
      <c r="Z2" s="14"/>
      <c r="AA2" s="14"/>
      <c r="AB2" s="14"/>
      <c r="AC2" s="14"/>
      <c r="AD2" s="14"/>
      <c r="AE2" s="14"/>
      <c r="AF2" s="14"/>
      <c r="AG2" s="14"/>
      <c r="AH2" s="14"/>
      <c r="AI2" s="14"/>
      <c r="AJ2" s="14"/>
      <c r="AK2" s="14"/>
      <c r="AL2" s="14"/>
      <c r="AM2" s="14"/>
      <c r="AN2" s="14"/>
      <c r="AO2" s="14"/>
      <c r="AP2" s="14"/>
      <c r="AQ2" s="14"/>
      <c r="AR2" s="14"/>
      <c r="AS2" s="14"/>
      <c r="AT2" s="14"/>
      <c r="AU2" s="14"/>
      <c r="AV2" s="14"/>
      <c r="AW2" s="14"/>
      <c r="AX2" s="14"/>
      <c r="AY2" s="14"/>
      <c r="AZ2" s="14"/>
      <c r="BA2" s="14"/>
      <c r="BB2" s="14"/>
      <c r="BC2" s="14"/>
      <c r="BD2" s="14"/>
      <c r="BE2" s="15"/>
      <c r="BF2" s="14" t="s">
        <v>330</v>
      </c>
      <c r="BG2" s="16" t="s">
        <v>315</v>
      </c>
      <c r="BH2" s="14"/>
      <c r="BI2" s="14"/>
      <c r="BJ2" s="14"/>
      <c r="BK2" s="14"/>
      <c r="BL2" s="14"/>
      <c r="BM2" s="14"/>
      <c r="BN2" s="14"/>
      <c r="BO2" s="14"/>
      <c r="BP2" s="14"/>
      <c r="BQ2" s="14"/>
      <c r="BR2" s="14"/>
      <c r="BS2" s="14"/>
      <c r="BT2" s="14" t="s">
        <v>257</v>
      </c>
      <c r="BU2" s="14"/>
      <c r="BV2" s="14"/>
      <c r="BW2" s="14"/>
      <c r="BX2" s="14"/>
      <c r="BY2" s="14"/>
      <c r="BZ2" s="14"/>
      <c r="CA2" s="14"/>
      <c r="CB2" s="14"/>
      <c r="CC2" s="14"/>
      <c r="CD2" s="14"/>
      <c r="CE2" s="14"/>
      <c r="CF2" s="14"/>
      <c r="CG2" s="14"/>
      <c r="CH2" s="14"/>
      <c r="CI2" s="14"/>
      <c r="CJ2" s="14"/>
      <c r="CK2" s="14"/>
      <c r="CL2" s="14"/>
      <c r="CM2" s="14"/>
      <c r="CN2" s="14"/>
      <c r="CO2" s="14"/>
      <c r="CP2" s="14"/>
      <c r="CQ2" s="14"/>
      <c r="CR2" s="14"/>
      <c r="CS2" s="14"/>
      <c r="CT2" s="14"/>
      <c r="CU2" s="14"/>
      <c r="CV2" s="14"/>
      <c r="CW2" s="14"/>
      <c r="CX2" s="14"/>
      <c r="CY2" s="14"/>
      <c r="CZ2" s="14"/>
      <c r="DA2" s="14"/>
      <c r="DB2" s="14"/>
      <c r="DC2" s="14"/>
      <c r="DD2" s="14"/>
      <c r="DE2" s="17" t="s">
        <v>329</v>
      </c>
      <c r="DF2" s="14"/>
      <c r="DG2" s="14"/>
    </row>
    <row r="3" spans="1:111" ht="10" customHeight="1">
      <c r="A3" s="108"/>
      <c r="B3" s="109"/>
      <c r="C3" s="109"/>
      <c r="D3" s="109"/>
      <c r="E3" s="110"/>
      <c r="F3" s="18" t="s">
        <v>46</v>
      </c>
      <c r="G3" s="18" t="s">
        <v>46</v>
      </c>
      <c r="H3" s="18" t="s">
        <v>46</v>
      </c>
      <c r="I3" s="18" t="s">
        <v>46</v>
      </c>
      <c r="J3" s="18" t="s">
        <v>46</v>
      </c>
      <c r="K3" s="18" t="s">
        <v>46</v>
      </c>
      <c r="L3" s="18" t="s">
        <v>46</v>
      </c>
      <c r="M3" s="18" t="s">
        <v>46</v>
      </c>
      <c r="N3" s="18" t="s">
        <v>46</v>
      </c>
      <c r="O3" s="18" t="s">
        <v>46</v>
      </c>
      <c r="P3" s="18" t="s">
        <v>46</v>
      </c>
      <c r="Q3" s="18" t="s">
        <v>46</v>
      </c>
      <c r="R3" s="18" t="s">
        <v>46</v>
      </c>
      <c r="S3" s="18" t="s">
        <v>46</v>
      </c>
      <c r="T3" s="18" t="s">
        <v>46</v>
      </c>
      <c r="U3" s="18" t="s">
        <v>46</v>
      </c>
      <c r="V3" s="18" t="s">
        <v>46</v>
      </c>
      <c r="W3" s="18" t="s">
        <v>46</v>
      </c>
      <c r="X3" s="18" t="s">
        <v>46</v>
      </c>
      <c r="Y3" s="18" t="s">
        <v>46</v>
      </c>
      <c r="Z3" s="18" t="s">
        <v>46</v>
      </c>
      <c r="AA3" s="18" t="s">
        <v>46</v>
      </c>
      <c r="AB3" s="18" t="s">
        <v>46</v>
      </c>
      <c r="AC3" s="18" t="s">
        <v>46</v>
      </c>
      <c r="AD3" s="18" t="s">
        <v>46</v>
      </c>
      <c r="AE3" s="18" t="s">
        <v>46</v>
      </c>
      <c r="AF3" s="18" t="s">
        <v>46</v>
      </c>
      <c r="AG3" s="18" t="s">
        <v>46</v>
      </c>
      <c r="AH3" s="18" t="s">
        <v>46</v>
      </c>
      <c r="AI3" s="18" t="s">
        <v>46</v>
      </c>
      <c r="AJ3" s="18" t="s">
        <v>46</v>
      </c>
      <c r="AK3" s="18" t="s">
        <v>46</v>
      </c>
      <c r="AL3" s="18" t="s">
        <v>46</v>
      </c>
      <c r="AM3" s="18" t="s">
        <v>46</v>
      </c>
      <c r="AN3" s="18" t="s">
        <v>46</v>
      </c>
      <c r="AO3" s="18" t="s">
        <v>46</v>
      </c>
      <c r="AP3" s="18" t="s">
        <v>46</v>
      </c>
      <c r="AQ3" s="18" t="s">
        <v>46</v>
      </c>
      <c r="AR3" s="18" t="s">
        <v>46</v>
      </c>
      <c r="AS3" s="18" t="s">
        <v>46</v>
      </c>
      <c r="AT3" s="18" t="s">
        <v>325</v>
      </c>
      <c r="AU3" s="18" t="s">
        <v>46</v>
      </c>
      <c r="AV3" s="18" t="s">
        <v>46</v>
      </c>
      <c r="AW3" s="18" t="s">
        <v>46</v>
      </c>
      <c r="AX3" s="18" t="s">
        <v>325</v>
      </c>
      <c r="AY3" s="18" t="s">
        <v>46</v>
      </c>
      <c r="AZ3" s="18" t="s">
        <v>46</v>
      </c>
      <c r="BA3" s="18" t="s">
        <v>46</v>
      </c>
      <c r="BB3" s="18" t="s">
        <v>46</v>
      </c>
      <c r="BC3" s="18" t="s">
        <v>46</v>
      </c>
      <c r="BD3" s="18" t="s">
        <v>46</v>
      </c>
      <c r="BE3" s="18" t="s">
        <v>46</v>
      </c>
      <c r="BF3" s="18" t="s">
        <v>46</v>
      </c>
      <c r="BG3" s="18" t="s">
        <v>46</v>
      </c>
      <c r="BH3" s="18" t="s">
        <v>46</v>
      </c>
      <c r="BI3" s="18" t="s">
        <v>151</v>
      </c>
      <c r="BJ3" s="18" t="s">
        <v>151</v>
      </c>
      <c r="BK3" s="18" t="s">
        <v>151</v>
      </c>
      <c r="BL3" s="18" t="s">
        <v>317</v>
      </c>
      <c r="BM3" s="18" t="s">
        <v>316</v>
      </c>
      <c r="BN3" s="18" t="s">
        <v>326</v>
      </c>
      <c r="BO3" s="18" t="s">
        <v>324</v>
      </c>
      <c r="BP3" s="18" t="s">
        <v>151</v>
      </c>
      <c r="BQ3" s="18" t="s">
        <v>151</v>
      </c>
      <c r="BR3" s="18" t="s">
        <v>151</v>
      </c>
      <c r="BS3" s="18" t="s">
        <v>151</v>
      </c>
      <c r="BT3" s="18" t="s">
        <v>151</v>
      </c>
      <c r="BU3" s="18" t="s">
        <v>157</v>
      </c>
      <c r="BV3" s="18" t="s">
        <v>152</v>
      </c>
      <c r="BW3" s="18" t="s">
        <v>320</v>
      </c>
      <c r="BX3" s="18" t="s">
        <v>152</v>
      </c>
      <c r="BY3" s="18" t="s">
        <v>152</v>
      </c>
      <c r="BZ3" s="18" t="s">
        <v>320</v>
      </c>
      <c r="CA3" s="18" t="s">
        <v>327</v>
      </c>
      <c r="CB3" s="18" t="s">
        <v>320</v>
      </c>
      <c r="CC3" s="18" t="s">
        <v>327</v>
      </c>
      <c r="CD3" s="18" t="s">
        <v>327</v>
      </c>
      <c r="CE3" s="18" t="s">
        <v>320</v>
      </c>
      <c r="CF3" s="18" t="s">
        <v>320</v>
      </c>
      <c r="CG3" s="18" t="s">
        <v>320</v>
      </c>
      <c r="CH3" s="18" t="s">
        <v>320</v>
      </c>
      <c r="CI3" s="18" t="s">
        <v>320</v>
      </c>
      <c r="CJ3" s="18" t="s">
        <v>320</v>
      </c>
      <c r="CK3" s="18" t="s">
        <v>320</v>
      </c>
      <c r="CL3" s="18" t="s">
        <v>320</v>
      </c>
      <c r="CM3" s="18" t="s">
        <v>320</v>
      </c>
      <c r="CN3" s="18" t="s">
        <v>320</v>
      </c>
      <c r="CO3" s="18" t="s">
        <v>320</v>
      </c>
      <c r="CP3" s="18" t="s">
        <v>320</v>
      </c>
      <c r="CQ3" s="18" t="s">
        <v>320</v>
      </c>
      <c r="CR3" s="18" t="s">
        <v>320</v>
      </c>
      <c r="CS3" s="18" t="s">
        <v>152</v>
      </c>
      <c r="CT3" s="18" t="s">
        <v>323</v>
      </c>
      <c r="CU3" s="18" t="s">
        <v>323</v>
      </c>
      <c r="CV3" s="18" t="s">
        <v>323</v>
      </c>
      <c r="CW3" s="18" t="s">
        <v>323</v>
      </c>
      <c r="CX3" s="18" t="s">
        <v>323</v>
      </c>
      <c r="CY3" s="18" t="s">
        <v>323</v>
      </c>
      <c r="CZ3" s="18" t="s">
        <v>323</v>
      </c>
      <c r="DA3" s="18" t="s">
        <v>323</v>
      </c>
      <c r="DB3" s="18" t="s">
        <v>323</v>
      </c>
      <c r="DC3" s="18" t="s">
        <v>323</v>
      </c>
      <c r="DD3" s="18" t="s">
        <v>323</v>
      </c>
      <c r="DE3" s="18" t="s">
        <v>328</v>
      </c>
      <c r="DF3" s="18" t="s">
        <v>323</v>
      </c>
      <c r="DG3" s="18"/>
    </row>
    <row r="4" spans="1:111" ht="10" customHeight="1">
      <c r="A4" s="111" t="s">
        <v>0</v>
      </c>
      <c r="B4" s="112"/>
      <c r="C4" s="112"/>
      <c r="D4" s="112"/>
      <c r="E4" s="113"/>
      <c r="F4" s="19" t="s">
        <v>336</v>
      </c>
      <c r="G4" s="19" t="s">
        <v>337</v>
      </c>
      <c r="H4" s="19" t="s">
        <v>338</v>
      </c>
      <c r="I4" s="19" t="s">
        <v>339</v>
      </c>
      <c r="J4" s="19" t="s">
        <v>340</v>
      </c>
      <c r="K4" s="19" t="s">
        <v>341</v>
      </c>
      <c r="L4" s="19" t="s">
        <v>342</v>
      </c>
      <c r="M4" s="19" t="s">
        <v>343</v>
      </c>
      <c r="N4" s="19" t="s">
        <v>344</v>
      </c>
      <c r="O4" s="19" t="s">
        <v>345</v>
      </c>
      <c r="P4" s="19" t="s">
        <v>346</v>
      </c>
      <c r="Q4" s="19" t="s">
        <v>347</v>
      </c>
      <c r="R4" s="19" t="s">
        <v>348</v>
      </c>
      <c r="S4" s="19" t="s">
        <v>349</v>
      </c>
      <c r="T4" s="19" t="s">
        <v>350</v>
      </c>
      <c r="U4" s="19" t="s">
        <v>351</v>
      </c>
      <c r="V4" s="19" t="s">
        <v>352</v>
      </c>
      <c r="W4" s="19" t="s">
        <v>353</v>
      </c>
      <c r="X4" s="19" t="s">
        <v>354</v>
      </c>
      <c r="Y4" s="19" t="s">
        <v>355</v>
      </c>
      <c r="Z4" s="19" t="s">
        <v>355</v>
      </c>
      <c r="AA4" s="19" t="s">
        <v>356</v>
      </c>
      <c r="AB4" s="19" t="s">
        <v>357</v>
      </c>
      <c r="AC4" s="19" t="s">
        <v>358</v>
      </c>
      <c r="AD4" s="19" t="s">
        <v>359</v>
      </c>
      <c r="AE4" s="19" t="s">
        <v>360</v>
      </c>
      <c r="AF4" s="19" t="s">
        <v>361</v>
      </c>
      <c r="AG4" s="19" t="s">
        <v>362</v>
      </c>
      <c r="AH4" s="19" t="s">
        <v>363</v>
      </c>
      <c r="AI4" s="19" t="s">
        <v>364</v>
      </c>
      <c r="AJ4" s="19" t="s">
        <v>365</v>
      </c>
      <c r="AK4" s="19" t="s">
        <v>366</v>
      </c>
      <c r="AL4" s="19" t="s">
        <v>367</v>
      </c>
      <c r="AM4" s="19" t="s">
        <v>368</v>
      </c>
      <c r="AN4" s="19" t="s">
        <v>369</v>
      </c>
      <c r="AO4" s="19" t="s">
        <v>370</v>
      </c>
      <c r="AP4" s="19" t="s">
        <v>371</v>
      </c>
      <c r="AQ4" s="19" t="s">
        <v>372</v>
      </c>
      <c r="AR4" s="19" t="s">
        <v>373</v>
      </c>
      <c r="AS4" s="19" t="s">
        <v>374</v>
      </c>
      <c r="AT4" s="19" t="s">
        <v>375</v>
      </c>
      <c r="AU4" s="19" t="s">
        <v>376</v>
      </c>
      <c r="AV4" s="19" t="s">
        <v>377</v>
      </c>
      <c r="AW4" s="19" t="s">
        <v>344</v>
      </c>
      <c r="AX4" s="19" t="s">
        <v>378</v>
      </c>
      <c r="AY4" s="19" t="s">
        <v>379</v>
      </c>
      <c r="AZ4" s="19" t="s">
        <v>380</v>
      </c>
      <c r="BA4" s="19" t="s">
        <v>381</v>
      </c>
      <c r="BB4" s="19" t="s">
        <v>382</v>
      </c>
      <c r="BC4" s="19" t="s">
        <v>383</v>
      </c>
      <c r="BD4" s="19" t="s">
        <v>384</v>
      </c>
      <c r="BE4" s="19" t="s">
        <v>385</v>
      </c>
      <c r="BF4" s="19" t="s">
        <v>386</v>
      </c>
      <c r="BG4" s="19" t="s">
        <v>387</v>
      </c>
      <c r="BH4" s="20"/>
      <c r="BI4" s="19" t="s">
        <v>388</v>
      </c>
      <c r="BJ4" s="19" t="s">
        <v>389</v>
      </c>
      <c r="BK4" s="19" t="s">
        <v>390</v>
      </c>
      <c r="BL4" s="19" t="s">
        <v>391</v>
      </c>
      <c r="BM4" s="19" t="s">
        <v>392</v>
      </c>
      <c r="BN4" s="19" t="s">
        <v>393</v>
      </c>
      <c r="BO4" s="19" t="s">
        <v>394</v>
      </c>
      <c r="BP4" s="19" t="s">
        <v>395</v>
      </c>
      <c r="BQ4" s="19" t="s">
        <v>396</v>
      </c>
      <c r="BR4" s="19" t="s">
        <v>397</v>
      </c>
      <c r="BS4" s="19" t="s">
        <v>389</v>
      </c>
      <c r="BT4" s="19" t="s">
        <v>398</v>
      </c>
      <c r="BU4" s="20"/>
      <c r="BV4" s="19" t="s">
        <v>399</v>
      </c>
      <c r="BW4" s="19" t="s">
        <v>400</v>
      </c>
      <c r="BX4" s="19" t="s">
        <v>401</v>
      </c>
      <c r="BY4" s="19" t="s">
        <v>402</v>
      </c>
      <c r="BZ4" s="19" t="s">
        <v>403</v>
      </c>
      <c r="CA4" s="19" t="s">
        <v>404</v>
      </c>
      <c r="CB4" s="19" t="s">
        <v>405</v>
      </c>
      <c r="CC4" s="19" t="s">
        <v>406</v>
      </c>
      <c r="CD4" s="19" t="s">
        <v>407</v>
      </c>
      <c r="CE4" s="19" t="s">
        <v>408</v>
      </c>
      <c r="CF4" s="19" t="s">
        <v>409</v>
      </c>
      <c r="CG4" s="19" t="s">
        <v>410</v>
      </c>
      <c r="CH4" s="19" t="s">
        <v>411</v>
      </c>
      <c r="CI4" s="19" t="s">
        <v>412</v>
      </c>
      <c r="CJ4" s="19" t="s">
        <v>413</v>
      </c>
      <c r="CK4" s="19" t="s">
        <v>414</v>
      </c>
      <c r="CL4" s="19" t="s">
        <v>415</v>
      </c>
      <c r="CM4" s="19" t="s">
        <v>416</v>
      </c>
      <c r="CN4" s="19" t="s">
        <v>417</v>
      </c>
      <c r="CO4" s="19" t="s">
        <v>418</v>
      </c>
      <c r="CP4" s="19" t="s">
        <v>419</v>
      </c>
      <c r="CQ4" s="19" t="s">
        <v>420</v>
      </c>
      <c r="CR4" s="19" t="s">
        <v>421</v>
      </c>
      <c r="CS4" s="20"/>
      <c r="CT4" s="19" t="s">
        <v>422</v>
      </c>
      <c r="CU4" s="19" t="s">
        <v>423</v>
      </c>
      <c r="CV4" s="19" t="s">
        <v>424</v>
      </c>
      <c r="CW4" s="19" t="s">
        <v>425</v>
      </c>
      <c r="CX4" s="19" t="s">
        <v>426</v>
      </c>
      <c r="CY4" s="19" t="s">
        <v>427</v>
      </c>
      <c r="CZ4" s="19" t="s">
        <v>428</v>
      </c>
      <c r="DA4" s="19" t="s">
        <v>429</v>
      </c>
      <c r="DB4" s="19" t="s">
        <v>430</v>
      </c>
      <c r="DC4" s="19" t="s">
        <v>431</v>
      </c>
      <c r="DD4" s="19" t="s">
        <v>432</v>
      </c>
      <c r="DE4" s="19" t="s">
        <v>433</v>
      </c>
      <c r="DF4" s="20"/>
      <c r="DG4" s="20"/>
    </row>
    <row r="5" spans="1:111" ht="10" customHeight="1">
      <c r="A5" s="89" t="s">
        <v>1</v>
      </c>
      <c r="B5" s="90"/>
      <c r="C5" s="90"/>
      <c r="D5" s="90"/>
      <c r="E5" s="91"/>
      <c r="F5" s="19" t="s">
        <v>434</v>
      </c>
      <c r="G5" s="19" t="s">
        <v>435</v>
      </c>
      <c r="H5" s="19" t="s">
        <v>386</v>
      </c>
      <c r="I5" s="19" t="s">
        <v>436</v>
      </c>
      <c r="J5" s="19" t="s">
        <v>437</v>
      </c>
      <c r="K5" s="19" t="s">
        <v>438</v>
      </c>
      <c r="L5" s="19" t="s">
        <v>439</v>
      </c>
      <c r="M5" s="19" t="s">
        <v>440</v>
      </c>
      <c r="N5" s="19" t="s">
        <v>441</v>
      </c>
      <c r="O5" s="19" t="s">
        <v>415</v>
      </c>
      <c r="P5" s="19" t="s">
        <v>442</v>
      </c>
      <c r="Q5" s="19" t="s">
        <v>405</v>
      </c>
      <c r="R5" s="19" t="s">
        <v>443</v>
      </c>
      <c r="S5" s="19" t="s">
        <v>415</v>
      </c>
      <c r="T5" s="19" t="s">
        <v>444</v>
      </c>
      <c r="U5" s="19" t="s">
        <v>368</v>
      </c>
      <c r="V5" s="19" t="s">
        <v>445</v>
      </c>
      <c r="W5" s="19" t="s">
        <v>441</v>
      </c>
      <c r="X5" s="19" t="s">
        <v>441</v>
      </c>
      <c r="Y5" s="19" t="s">
        <v>446</v>
      </c>
      <c r="Z5" s="19" t="s">
        <v>447</v>
      </c>
      <c r="AA5" s="19" t="s">
        <v>448</v>
      </c>
      <c r="AB5" s="19" t="s">
        <v>449</v>
      </c>
      <c r="AC5" s="19" t="s">
        <v>444</v>
      </c>
      <c r="AD5" s="19" t="s">
        <v>444</v>
      </c>
      <c r="AE5" s="19" t="s">
        <v>449</v>
      </c>
      <c r="AF5" s="19" t="s">
        <v>444</v>
      </c>
      <c r="AG5" s="19" t="s">
        <v>450</v>
      </c>
      <c r="AH5" s="19" t="s">
        <v>444</v>
      </c>
      <c r="AI5" s="19" t="s">
        <v>441</v>
      </c>
      <c r="AJ5" s="19" t="s">
        <v>449</v>
      </c>
      <c r="AK5" s="19" t="s">
        <v>441</v>
      </c>
      <c r="AL5" s="19" t="s">
        <v>451</v>
      </c>
      <c r="AM5" s="19" t="s">
        <v>451</v>
      </c>
      <c r="AN5" s="19" t="s">
        <v>452</v>
      </c>
      <c r="AO5" s="19" t="s">
        <v>451</v>
      </c>
      <c r="AP5" s="19" t="s">
        <v>453</v>
      </c>
      <c r="AQ5" s="19" t="s">
        <v>451</v>
      </c>
      <c r="AR5" s="19" t="s">
        <v>451</v>
      </c>
      <c r="AS5" s="19" t="s">
        <v>454</v>
      </c>
      <c r="AT5" s="19" t="s">
        <v>455</v>
      </c>
      <c r="AU5" s="19" t="s">
        <v>455</v>
      </c>
      <c r="AV5" s="19" t="s">
        <v>456</v>
      </c>
      <c r="AW5" s="19" t="s">
        <v>457</v>
      </c>
      <c r="AX5" s="19" t="s">
        <v>458</v>
      </c>
      <c r="AY5" s="19" t="s">
        <v>433</v>
      </c>
      <c r="AZ5" s="19" t="s">
        <v>459</v>
      </c>
      <c r="BA5" s="19" t="s">
        <v>460</v>
      </c>
      <c r="BB5" s="19" t="s">
        <v>417</v>
      </c>
      <c r="BC5" s="19" t="s">
        <v>461</v>
      </c>
      <c r="BD5" s="19" t="s">
        <v>462</v>
      </c>
      <c r="BE5" s="19" t="s">
        <v>461</v>
      </c>
      <c r="BF5" s="19" t="s">
        <v>357</v>
      </c>
      <c r="BG5" s="19" t="s">
        <v>393</v>
      </c>
      <c r="BH5" s="19"/>
      <c r="BI5" s="19" t="s">
        <v>417</v>
      </c>
      <c r="BJ5" s="19" t="e">
        <v>#N/A</v>
      </c>
      <c r="BK5" s="19" t="s">
        <v>463</v>
      </c>
      <c r="BL5" s="19" t="s">
        <v>464</v>
      </c>
      <c r="BM5" s="19" t="s">
        <v>465</v>
      </c>
      <c r="BN5" s="19" t="s">
        <v>451</v>
      </c>
      <c r="BO5" s="19" t="s">
        <v>466</v>
      </c>
      <c r="BP5" s="19" t="s">
        <v>467</v>
      </c>
      <c r="BQ5" s="19" t="s">
        <v>468</v>
      </c>
      <c r="BR5" s="19" t="s">
        <v>460</v>
      </c>
      <c r="BS5" s="19" t="s">
        <v>469</v>
      </c>
      <c r="BT5" s="19" t="s">
        <v>470</v>
      </c>
      <c r="BU5" s="19"/>
      <c r="BV5" s="19" t="s">
        <v>471</v>
      </c>
      <c r="BW5" s="19" t="s">
        <v>472</v>
      </c>
      <c r="BX5" s="19" t="s">
        <v>473</v>
      </c>
      <c r="BY5" s="19" t="s">
        <v>393</v>
      </c>
      <c r="BZ5" s="19" t="s">
        <v>474</v>
      </c>
      <c r="CA5" s="19" t="s">
        <v>475</v>
      </c>
      <c r="CB5" s="19" t="s">
        <v>476</v>
      </c>
      <c r="CC5" s="19" t="s">
        <v>477</v>
      </c>
      <c r="CD5" s="19" t="s">
        <v>427</v>
      </c>
      <c r="CE5" s="19" t="s">
        <v>478</v>
      </c>
      <c r="CF5" s="19" t="s">
        <v>479</v>
      </c>
      <c r="CG5" s="19" t="s">
        <v>480</v>
      </c>
      <c r="CH5" s="19" t="s">
        <v>458</v>
      </c>
      <c r="CI5" s="19" t="s">
        <v>481</v>
      </c>
      <c r="CJ5" s="19" t="s">
        <v>482</v>
      </c>
      <c r="CK5" s="19" t="s">
        <v>483</v>
      </c>
      <c r="CL5" s="19" t="s">
        <v>484</v>
      </c>
      <c r="CM5" s="19" t="s">
        <v>485</v>
      </c>
      <c r="CN5" s="19" t="s">
        <v>486</v>
      </c>
      <c r="CO5" s="19" t="s">
        <v>487</v>
      </c>
      <c r="CP5" s="19" t="s">
        <v>488</v>
      </c>
      <c r="CQ5" s="19" t="s">
        <v>379</v>
      </c>
      <c r="CR5" s="19" t="s">
        <v>489</v>
      </c>
      <c r="CS5" s="19"/>
      <c r="CT5" s="19" t="s">
        <v>490</v>
      </c>
      <c r="CU5" s="19" t="s">
        <v>491</v>
      </c>
      <c r="CV5" s="19" t="s">
        <v>492</v>
      </c>
      <c r="CW5" s="19" t="s">
        <v>493</v>
      </c>
      <c r="CX5" s="19" t="s">
        <v>494</v>
      </c>
      <c r="CY5" s="19" t="s">
        <v>427</v>
      </c>
      <c r="CZ5" s="19" t="s">
        <v>495</v>
      </c>
      <c r="DA5" s="19" t="s">
        <v>496</v>
      </c>
      <c r="DB5" s="19" t="s">
        <v>497</v>
      </c>
      <c r="DC5" s="19" t="s">
        <v>498</v>
      </c>
      <c r="DD5" s="19" t="s">
        <v>499</v>
      </c>
      <c r="DE5" s="19" t="s">
        <v>500</v>
      </c>
      <c r="DF5" s="19"/>
      <c r="DG5" s="19"/>
    </row>
    <row r="6" spans="1:111" ht="10" customHeight="1">
      <c r="A6" s="89" t="s">
        <v>2</v>
      </c>
      <c r="B6" s="90"/>
      <c r="C6" s="90"/>
      <c r="D6" s="90"/>
      <c r="E6" s="91"/>
      <c r="F6" s="19" t="s">
        <v>379</v>
      </c>
      <c r="G6" s="19" t="s">
        <v>501</v>
      </c>
      <c r="H6" s="19" t="s">
        <v>502</v>
      </c>
      <c r="I6" s="19" t="s">
        <v>502</v>
      </c>
      <c r="J6" s="19" t="s">
        <v>502</v>
      </c>
      <c r="K6" s="19" t="s">
        <v>502</v>
      </c>
      <c r="L6" s="19" t="s">
        <v>433</v>
      </c>
      <c r="M6" s="19" t="s">
        <v>502</v>
      </c>
      <c r="N6" s="19" t="s">
        <v>503</v>
      </c>
      <c r="O6" s="19" t="s">
        <v>504</v>
      </c>
      <c r="P6" s="19" t="s">
        <v>502</v>
      </c>
      <c r="Q6" s="19" t="s">
        <v>433</v>
      </c>
      <c r="R6" s="19" t="s">
        <v>505</v>
      </c>
      <c r="S6" s="19" t="s">
        <v>506</v>
      </c>
      <c r="T6" s="19" t="s">
        <v>427</v>
      </c>
      <c r="U6" s="19" t="s">
        <v>507</v>
      </c>
      <c r="V6" s="19" t="s">
        <v>502</v>
      </c>
      <c r="W6" s="19" t="s">
        <v>506</v>
      </c>
      <c r="X6" s="19" t="s">
        <v>506</v>
      </c>
      <c r="Y6" s="19" t="s">
        <v>506</v>
      </c>
      <c r="Z6" s="19" t="s">
        <v>508</v>
      </c>
      <c r="AA6" s="19" t="s">
        <v>504</v>
      </c>
      <c r="AB6" s="19" t="s">
        <v>506</v>
      </c>
      <c r="AC6" s="19" t="s">
        <v>508</v>
      </c>
      <c r="AD6" s="19" t="s">
        <v>508</v>
      </c>
      <c r="AE6" s="19" t="s">
        <v>506</v>
      </c>
      <c r="AF6" s="19" t="s">
        <v>502</v>
      </c>
      <c r="AG6" s="19" t="s">
        <v>509</v>
      </c>
      <c r="AH6" s="19" t="s">
        <v>509</v>
      </c>
      <c r="AI6" s="19" t="s">
        <v>506</v>
      </c>
      <c r="AJ6" s="19" t="s">
        <v>441</v>
      </c>
      <c r="AK6" s="19" t="s">
        <v>506</v>
      </c>
      <c r="AL6" s="19" t="s">
        <v>502</v>
      </c>
      <c r="AM6" s="19" t="s">
        <v>502</v>
      </c>
      <c r="AN6" s="19" t="s">
        <v>441</v>
      </c>
      <c r="AO6" s="19" t="s">
        <v>502</v>
      </c>
      <c r="AP6" s="19" t="s">
        <v>510</v>
      </c>
      <c r="AQ6" s="19" t="s">
        <v>506</v>
      </c>
      <c r="AR6" s="19" t="s">
        <v>506</v>
      </c>
      <c r="AS6" s="19" t="s">
        <v>502</v>
      </c>
      <c r="AT6" s="19" t="s">
        <v>511</v>
      </c>
      <c r="AU6" s="19" t="s">
        <v>506</v>
      </c>
      <c r="AV6" s="19" t="s">
        <v>506</v>
      </c>
      <c r="AW6" s="19" t="s">
        <v>506</v>
      </c>
      <c r="AX6" s="19" t="s">
        <v>512</v>
      </c>
      <c r="AY6" s="19" t="s">
        <v>511</v>
      </c>
      <c r="AZ6" s="19" t="s">
        <v>513</v>
      </c>
      <c r="BA6" s="19" t="s">
        <v>508</v>
      </c>
      <c r="BB6" s="19" t="s">
        <v>506</v>
      </c>
      <c r="BC6" s="19" t="s">
        <v>506</v>
      </c>
      <c r="BD6" s="19" t="s">
        <v>506</v>
      </c>
      <c r="BE6" s="19" t="s">
        <v>506</v>
      </c>
      <c r="BF6" s="19" t="s">
        <v>506</v>
      </c>
      <c r="BG6" s="19" t="s">
        <v>502</v>
      </c>
      <c r="BH6" s="19"/>
      <c r="BI6" s="19" t="s">
        <v>502</v>
      </c>
      <c r="BJ6" s="19" t="s">
        <v>433</v>
      </c>
      <c r="BK6" s="19" t="s">
        <v>506</v>
      </c>
      <c r="BL6" s="19" t="s">
        <v>441</v>
      </c>
      <c r="BM6" s="19" t="s">
        <v>502</v>
      </c>
      <c r="BN6" s="19" t="s">
        <v>502</v>
      </c>
      <c r="BO6" s="19" t="s">
        <v>394</v>
      </c>
      <c r="BP6" s="19" t="s">
        <v>511</v>
      </c>
      <c r="BQ6" s="19" t="s">
        <v>513</v>
      </c>
      <c r="BR6" s="19" t="s">
        <v>508</v>
      </c>
      <c r="BS6" s="19" t="s">
        <v>506</v>
      </c>
      <c r="BT6" s="19" t="s">
        <v>424</v>
      </c>
      <c r="BU6" s="19"/>
      <c r="BV6" s="19" t="s">
        <v>511</v>
      </c>
      <c r="BW6" s="19" t="s">
        <v>512</v>
      </c>
      <c r="BX6" s="19" t="s">
        <v>512</v>
      </c>
      <c r="BY6" s="19" t="s">
        <v>506</v>
      </c>
      <c r="BZ6" s="19" t="s">
        <v>512</v>
      </c>
      <c r="CA6" s="19" t="s">
        <v>504</v>
      </c>
      <c r="CB6" s="19" t="s">
        <v>425</v>
      </c>
      <c r="CC6" s="19" t="s">
        <v>502</v>
      </c>
      <c r="CD6" s="19" t="s">
        <v>430</v>
      </c>
      <c r="CE6" s="19" t="s">
        <v>460</v>
      </c>
      <c r="CF6" s="19" t="s">
        <v>512</v>
      </c>
      <c r="CG6" s="19" t="s">
        <v>506</v>
      </c>
      <c r="CH6" s="19" t="s">
        <v>512</v>
      </c>
      <c r="CI6" s="19" t="s">
        <v>512</v>
      </c>
      <c r="CJ6" s="19" t="s">
        <v>511</v>
      </c>
      <c r="CK6" s="19" t="s">
        <v>506</v>
      </c>
      <c r="CL6" s="19" t="s">
        <v>512</v>
      </c>
      <c r="CM6" s="19" t="s">
        <v>511</v>
      </c>
      <c r="CN6" s="19" t="s">
        <v>511</v>
      </c>
      <c r="CO6" s="19" t="s">
        <v>512</v>
      </c>
      <c r="CP6" s="19" t="s">
        <v>506</v>
      </c>
      <c r="CQ6" s="19" t="s">
        <v>506</v>
      </c>
      <c r="CR6" s="19" t="s">
        <v>512</v>
      </c>
      <c r="CS6" s="19"/>
      <c r="CT6" s="19" t="s">
        <v>512</v>
      </c>
      <c r="CU6" s="19" t="s">
        <v>511</v>
      </c>
      <c r="CV6" s="19" t="s">
        <v>506</v>
      </c>
      <c r="CW6" s="19" t="s">
        <v>514</v>
      </c>
      <c r="CX6" s="19" t="s">
        <v>512</v>
      </c>
      <c r="CY6" s="19" t="s">
        <v>511</v>
      </c>
      <c r="CZ6" s="19" t="s">
        <v>512</v>
      </c>
      <c r="DA6" s="19" t="s">
        <v>511</v>
      </c>
      <c r="DB6" s="19" t="s">
        <v>512</v>
      </c>
      <c r="DC6" s="19" t="s">
        <v>513</v>
      </c>
      <c r="DD6" s="19" t="s">
        <v>512</v>
      </c>
      <c r="DE6" s="19" t="s">
        <v>511</v>
      </c>
      <c r="DF6" s="19"/>
      <c r="DG6" s="19"/>
    </row>
    <row r="7" spans="1:111" ht="10" customHeight="1">
      <c r="A7" s="89" t="s">
        <v>3</v>
      </c>
      <c r="B7" s="90"/>
      <c r="C7" s="90"/>
      <c r="D7" s="90"/>
      <c r="E7" s="91"/>
      <c r="F7" s="19" t="s">
        <v>515</v>
      </c>
      <c r="G7" s="19" t="s">
        <v>516</v>
      </c>
      <c r="H7" s="19" t="s">
        <v>516</v>
      </c>
      <c r="I7" s="19" t="s">
        <v>516</v>
      </c>
      <c r="J7" s="19" t="s">
        <v>515</v>
      </c>
      <c r="K7" s="19" t="s">
        <v>515</v>
      </c>
      <c r="L7" s="19" t="s">
        <v>516</v>
      </c>
      <c r="M7" s="19" t="s">
        <v>516</v>
      </c>
      <c r="N7" s="19" t="s">
        <v>515</v>
      </c>
      <c r="O7" s="19" t="s">
        <v>515</v>
      </c>
      <c r="P7" s="19" t="s">
        <v>516</v>
      </c>
      <c r="Q7" s="19" t="s">
        <v>515</v>
      </c>
      <c r="R7" s="19" t="s">
        <v>516</v>
      </c>
      <c r="S7" s="19" t="s">
        <v>515</v>
      </c>
      <c r="T7" s="19" t="s">
        <v>515</v>
      </c>
      <c r="U7" s="19" t="s">
        <v>516</v>
      </c>
      <c r="V7" s="19" t="s">
        <v>515</v>
      </c>
      <c r="W7" s="19" t="s">
        <v>515</v>
      </c>
      <c r="X7" s="19" t="s">
        <v>515</v>
      </c>
      <c r="Y7" s="19" t="s">
        <v>515</v>
      </c>
      <c r="Z7" s="19" t="s">
        <v>516</v>
      </c>
      <c r="AA7" s="19" t="s">
        <v>516</v>
      </c>
      <c r="AB7" s="19" t="s">
        <v>516</v>
      </c>
      <c r="AC7" s="19" t="s">
        <v>516</v>
      </c>
      <c r="AD7" s="19" t="s">
        <v>516</v>
      </c>
      <c r="AE7" s="19" t="s">
        <v>515</v>
      </c>
      <c r="AF7" s="19" t="s">
        <v>515</v>
      </c>
      <c r="AG7" s="19" t="s">
        <v>515</v>
      </c>
      <c r="AH7" s="19" t="s">
        <v>515</v>
      </c>
      <c r="AI7" s="19" t="s">
        <v>515</v>
      </c>
      <c r="AJ7" s="19" t="s">
        <v>515</v>
      </c>
      <c r="AK7" s="19" t="s">
        <v>515</v>
      </c>
      <c r="AL7" s="19" t="s">
        <v>516</v>
      </c>
      <c r="AM7" s="19" t="s">
        <v>515</v>
      </c>
      <c r="AN7" s="19" t="s">
        <v>515</v>
      </c>
      <c r="AO7" s="19" t="s">
        <v>515</v>
      </c>
      <c r="AP7" s="19" t="s">
        <v>516</v>
      </c>
      <c r="AQ7" s="19" t="s">
        <v>516</v>
      </c>
      <c r="AR7" s="19" t="s">
        <v>516</v>
      </c>
      <c r="AS7" s="19" t="s">
        <v>516</v>
      </c>
      <c r="AT7" s="19" t="s">
        <v>516</v>
      </c>
      <c r="AU7" s="19" t="s">
        <v>515</v>
      </c>
      <c r="AV7" s="19" t="s">
        <v>516</v>
      </c>
      <c r="AW7" s="19" t="s">
        <v>516</v>
      </c>
      <c r="AX7" s="19" t="s">
        <v>516</v>
      </c>
      <c r="AY7" s="19" t="s">
        <v>516</v>
      </c>
      <c r="AZ7" s="19" t="s">
        <v>516</v>
      </c>
      <c r="BA7" s="19" t="s">
        <v>516</v>
      </c>
      <c r="BB7" s="19" t="s">
        <v>515</v>
      </c>
      <c r="BC7" s="19" t="s">
        <v>516</v>
      </c>
      <c r="BD7" s="19" t="s">
        <v>515</v>
      </c>
      <c r="BE7" s="19" t="s">
        <v>515</v>
      </c>
      <c r="BF7" s="19" t="s">
        <v>515</v>
      </c>
      <c r="BG7" s="19" t="s">
        <v>515</v>
      </c>
      <c r="BH7" s="19"/>
      <c r="BI7" s="19" t="s">
        <v>516</v>
      </c>
      <c r="BJ7" s="19" t="s">
        <v>515</v>
      </c>
      <c r="BK7" s="19" t="s">
        <v>515</v>
      </c>
      <c r="BL7" s="19" t="s">
        <v>515</v>
      </c>
      <c r="BM7" s="19" t="s">
        <v>516</v>
      </c>
      <c r="BN7" s="19" t="s">
        <v>516</v>
      </c>
      <c r="BO7" s="19" t="s">
        <v>516</v>
      </c>
      <c r="BP7" s="19" t="s">
        <v>515</v>
      </c>
      <c r="BQ7" s="19" t="s">
        <v>516</v>
      </c>
      <c r="BR7" s="19" t="s">
        <v>516</v>
      </c>
      <c r="BS7" s="19" t="s">
        <v>515</v>
      </c>
      <c r="BT7" s="19" t="s">
        <v>516</v>
      </c>
      <c r="BU7" s="19"/>
      <c r="BV7" s="19" t="s">
        <v>516</v>
      </c>
      <c r="BW7" s="19" t="s">
        <v>515</v>
      </c>
      <c r="BX7" s="19" t="s">
        <v>515</v>
      </c>
      <c r="BY7" s="19" t="s">
        <v>515</v>
      </c>
      <c r="BZ7" s="19" t="s">
        <v>515</v>
      </c>
      <c r="CA7" s="19" t="s">
        <v>516</v>
      </c>
      <c r="CB7" s="19" t="s">
        <v>515</v>
      </c>
      <c r="CC7" s="19" t="s">
        <v>516</v>
      </c>
      <c r="CD7" s="19" t="s">
        <v>515</v>
      </c>
      <c r="CE7" s="19" t="s">
        <v>515</v>
      </c>
      <c r="CF7" s="19" t="s">
        <v>515</v>
      </c>
      <c r="CG7" s="19" t="s">
        <v>516</v>
      </c>
      <c r="CH7" s="19" t="s">
        <v>515</v>
      </c>
      <c r="CI7" s="19" t="s">
        <v>515</v>
      </c>
      <c r="CJ7" s="19" t="s">
        <v>516</v>
      </c>
      <c r="CK7" s="19" t="s">
        <v>516</v>
      </c>
      <c r="CL7" s="19" t="s">
        <v>516</v>
      </c>
      <c r="CM7" s="19" t="s">
        <v>516</v>
      </c>
      <c r="CN7" s="19" t="s">
        <v>516</v>
      </c>
      <c r="CO7" s="19" t="s">
        <v>516</v>
      </c>
      <c r="CP7" s="19" t="s">
        <v>515</v>
      </c>
      <c r="CQ7" s="19" t="s">
        <v>516</v>
      </c>
      <c r="CR7" s="19" t="s">
        <v>515</v>
      </c>
      <c r="CS7" s="19"/>
      <c r="CT7" s="19" t="s">
        <v>515</v>
      </c>
      <c r="CU7" s="19" t="s">
        <v>516</v>
      </c>
      <c r="CV7" s="19" t="s">
        <v>515</v>
      </c>
      <c r="CW7" s="19" t="s">
        <v>516</v>
      </c>
      <c r="CX7" s="19" t="s">
        <v>516</v>
      </c>
      <c r="CY7" s="19" t="s">
        <v>516</v>
      </c>
      <c r="CZ7" s="19" t="s">
        <v>516</v>
      </c>
      <c r="DA7" s="19" t="s">
        <v>515</v>
      </c>
      <c r="DB7" s="19" t="s">
        <v>515</v>
      </c>
      <c r="DC7" s="19" t="s">
        <v>515</v>
      </c>
      <c r="DD7" s="19" t="s">
        <v>515</v>
      </c>
      <c r="DE7" s="19" t="s">
        <v>515</v>
      </c>
      <c r="DF7" s="19"/>
      <c r="DG7" s="19"/>
    </row>
    <row r="8" spans="1:111" ht="10" customHeight="1">
      <c r="A8" s="89" t="s">
        <v>4</v>
      </c>
      <c r="B8" s="90"/>
      <c r="C8" s="90"/>
      <c r="D8" s="90"/>
      <c r="E8" s="91"/>
      <c r="F8" s="19" t="s">
        <v>517</v>
      </c>
      <c r="G8" s="19" t="s">
        <v>518</v>
      </c>
      <c r="H8" s="19" t="s">
        <v>517</v>
      </c>
      <c r="I8" s="19" t="s">
        <v>518</v>
      </c>
      <c r="J8" s="19" t="s">
        <v>517</v>
      </c>
      <c r="K8" s="19" t="s">
        <v>517</v>
      </c>
      <c r="L8" s="19" t="s">
        <v>518</v>
      </c>
      <c r="M8" s="19" t="s">
        <v>517</v>
      </c>
      <c r="N8" s="19" t="s">
        <v>517</v>
      </c>
      <c r="O8" s="19" t="s">
        <v>517</v>
      </c>
      <c r="P8" s="19" t="s">
        <v>517</v>
      </c>
      <c r="Q8" s="19" t="s">
        <v>517</v>
      </c>
      <c r="R8" s="19" t="s">
        <v>517</v>
      </c>
      <c r="S8" s="19" t="s">
        <v>517</v>
      </c>
      <c r="T8" s="19" t="s">
        <v>517</v>
      </c>
      <c r="U8" s="19" t="s">
        <v>517</v>
      </c>
      <c r="V8" s="19" t="s">
        <v>517</v>
      </c>
      <c r="W8" s="19" t="s">
        <v>517</v>
      </c>
      <c r="X8" s="19" t="s">
        <v>517</v>
      </c>
      <c r="Y8" s="19" t="s">
        <v>517</v>
      </c>
      <c r="Z8" s="19" t="s">
        <v>517</v>
      </c>
      <c r="AA8" s="19" t="s">
        <v>517</v>
      </c>
      <c r="AB8" s="19" t="s">
        <v>517</v>
      </c>
      <c r="AC8" s="19" t="s">
        <v>517</v>
      </c>
      <c r="AD8" s="19" t="s">
        <v>517</v>
      </c>
      <c r="AE8" s="19" t="s">
        <v>517</v>
      </c>
      <c r="AF8" s="19" t="s">
        <v>517</v>
      </c>
      <c r="AG8" s="19" t="s">
        <v>517</v>
      </c>
      <c r="AH8" s="19" t="s">
        <v>517</v>
      </c>
      <c r="AI8" s="19" t="s">
        <v>517</v>
      </c>
      <c r="AJ8" s="19" t="s">
        <v>517</v>
      </c>
      <c r="AK8" s="19" t="s">
        <v>517</v>
      </c>
      <c r="AL8" s="19" t="s">
        <v>517</v>
      </c>
      <c r="AM8" s="19" t="s">
        <v>517</v>
      </c>
      <c r="AN8" s="19" t="s">
        <v>517</v>
      </c>
      <c r="AO8" s="19" t="s">
        <v>517</v>
      </c>
      <c r="AP8" s="19" t="s">
        <v>517</v>
      </c>
      <c r="AQ8" s="19" t="s">
        <v>517</v>
      </c>
      <c r="AR8" s="19" t="s">
        <v>517</v>
      </c>
      <c r="AS8" s="19" t="s">
        <v>517</v>
      </c>
      <c r="AT8" s="19" t="s">
        <v>517</v>
      </c>
      <c r="AU8" s="19" t="s">
        <v>517</v>
      </c>
      <c r="AV8" s="19" t="s">
        <v>517</v>
      </c>
      <c r="AW8" s="19" t="s">
        <v>517</v>
      </c>
      <c r="AX8" s="19" t="s">
        <v>517</v>
      </c>
      <c r="AY8" s="19" t="s">
        <v>517</v>
      </c>
      <c r="AZ8" s="19" t="s">
        <v>517</v>
      </c>
      <c r="BA8" s="19" t="s">
        <v>517</v>
      </c>
      <c r="BB8" s="19" t="s">
        <v>517</v>
      </c>
      <c r="BC8" s="19" t="s">
        <v>517</v>
      </c>
      <c r="BD8" s="19" t="s">
        <v>517</v>
      </c>
      <c r="BE8" s="19" t="s">
        <v>517</v>
      </c>
      <c r="BF8" s="19" t="s">
        <v>517</v>
      </c>
      <c r="BG8" s="19" t="s">
        <v>517</v>
      </c>
      <c r="BH8" s="19"/>
      <c r="BI8" s="19" t="s">
        <v>517</v>
      </c>
      <c r="BJ8" s="19" t="s">
        <v>517</v>
      </c>
      <c r="BK8" s="19" t="s">
        <v>517</v>
      </c>
      <c r="BL8" s="19" t="s">
        <v>517</v>
      </c>
      <c r="BM8" s="19" t="s">
        <v>517</v>
      </c>
      <c r="BN8" s="19" t="s">
        <v>517</v>
      </c>
      <c r="BO8" s="19" t="s">
        <v>517</v>
      </c>
      <c r="BP8" s="19" t="s">
        <v>517</v>
      </c>
      <c r="BQ8" s="19" t="s">
        <v>517</v>
      </c>
      <c r="BR8" s="19" t="s">
        <v>517</v>
      </c>
      <c r="BS8" s="19" t="s">
        <v>517</v>
      </c>
      <c r="BT8" s="19" t="s">
        <v>517</v>
      </c>
      <c r="BU8" s="19"/>
      <c r="BV8" s="19" t="s">
        <v>517</v>
      </c>
      <c r="BW8" s="19" t="s">
        <v>517</v>
      </c>
      <c r="BX8" s="19" t="s">
        <v>517</v>
      </c>
      <c r="BY8" s="19" t="s">
        <v>517</v>
      </c>
      <c r="BZ8" s="19" t="s">
        <v>517</v>
      </c>
      <c r="CA8" s="19" t="s">
        <v>517</v>
      </c>
      <c r="CB8" s="19" t="s">
        <v>517</v>
      </c>
      <c r="CC8" s="19" t="s">
        <v>517</v>
      </c>
      <c r="CD8" s="19" t="s">
        <v>517</v>
      </c>
      <c r="CE8" s="19" t="s">
        <v>517</v>
      </c>
      <c r="CF8" s="19" t="s">
        <v>517</v>
      </c>
      <c r="CG8" s="19" t="s">
        <v>517</v>
      </c>
      <c r="CH8" s="19" t="s">
        <v>517</v>
      </c>
      <c r="CI8" s="19" t="s">
        <v>517</v>
      </c>
      <c r="CJ8" s="19" t="s">
        <v>517</v>
      </c>
      <c r="CK8" s="19" t="s">
        <v>517</v>
      </c>
      <c r="CL8" s="19" t="s">
        <v>517</v>
      </c>
      <c r="CM8" s="19" t="s">
        <v>517</v>
      </c>
      <c r="CN8" s="19" t="s">
        <v>517</v>
      </c>
      <c r="CO8" s="19" t="s">
        <v>517</v>
      </c>
      <c r="CP8" s="19" t="s">
        <v>517</v>
      </c>
      <c r="CQ8" s="19" t="s">
        <v>517</v>
      </c>
      <c r="CR8" s="19" t="s">
        <v>517</v>
      </c>
      <c r="CS8" s="19"/>
      <c r="CT8" s="19" t="s">
        <v>517</v>
      </c>
      <c r="CU8" s="19" t="s">
        <v>517</v>
      </c>
      <c r="CV8" s="19" t="s">
        <v>517</v>
      </c>
      <c r="CW8" s="19" t="s">
        <v>517</v>
      </c>
      <c r="CX8" s="19" t="s">
        <v>517</v>
      </c>
      <c r="CY8" s="19" t="s">
        <v>517</v>
      </c>
      <c r="CZ8" s="19" t="s">
        <v>517</v>
      </c>
      <c r="DA8" s="19" t="s">
        <v>517</v>
      </c>
      <c r="DB8" s="19" t="s">
        <v>517</v>
      </c>
      <c r="DC8" s="19" t="s">
        <v>517</v>
      </c>
      <c r="DD8" s="19" t="s">
        <v>517</v>
      </c>
      <c r="DE8" s="19" t="s">
        <v>517</v>
      </c>
      <c r="DF8" s="19"/>
      <c r="DG8" s="19"/>
    </row>
    <row r="9" spans="1:111" ht="10" customHeight="1">
      <c r="A9" s="99" t="s">
        <v>5</v>
      </c>
      <c r="B9" s="23" t="s">
        <v>6</v>
      </c>
      <c r="C9" s="21"/>
      <c r="D9" s="21"/>
      <c r="E9" s="22"/>
      <c r="F9" s="24">
        <v>1351872</v>
      </c>
      <c r="G9" s="24">
        <v>352673</v>
      </c>
      <c r="H9" s="24">
        <v>190341</v>
      </c>
      <c r="I9" s="24">
        <v>607943</v>
      </c>
      <c r="J9" s="24">
        <v>77426</v>
      </c>
      <c r="K9" s="24">
        <v>56848</v>
      </c>
      <c r="L9" s="24">
        <v>342296</v>
      </c>
      <c r="M9" s="24">
        <v>77730</v>
      </c>
      <c r="N9" s="24">
        <v>111840</v>
      </c>
      <c r="O9" s="24">
        <v>76429</v>
      </c>
      <c r="P9" s="24">
        <v>91065</v>
      </c>
      <c r="Q9" s="24">
        <v>229367</v>
      </c>
      <c r="R9" s="24">
        <v>147820</v>
      </c>
      <c r="S9" s="24">
        <v>53517</v>
      </c>
      <c r="T9" s="24">
        <v>117473</v>
      </c>
      <c r="U9" s="24">
        <v>140418</v>
      </c>
      <c r="V9" s="24">
        <v>230211</v>
      </c>
      <c r="W9" s="24">
        <v>252163</v>
      </c>
      <c r="X9" s="24">
        <v>341992</v>
      </c>
      <c r="Y9" s="24">
        <v>76357</v>
      </c>
      <c r="Z9" s="24">
        <v>142070</v>
      </c>
      <c r="AA9" s="24">
        <v>142880</v>
      </c>
      <c r="AB9" s="24">
        <v>145984</v>
      </c>
      <c r="AC9" s="24">
        <v>76216</v>
      </c>
      <c r="AD9" s="24">
        <v>84677</v>
      </c>
      <c r="AE9" s="24">
        <v>166392</v>
      </c>
      <c r="AF9" s="24">
        <v>74107</v>
      </c>
      <c r="AG9" s="24">
        <v>150706</v>
      </c>
      <c r="AH9" s="24">
        <v>65109</v>
      </c>
      <c r="AI9" s="24">
        <v>93663</v>
      </c>
      <c r="AJ9" s="24">
        <v>113455</v>
      </c>
      <c r="AK9" s="24">
        <v>142041</v>
      </c>
      <c r="AL9" s="24">
        <v>61069</v>
      </c>
      <c r="AM9" s="24">
        <v>48630</v>
      </c>
      <c r="AN9" s="24">
        <v>54037</v>
      </c>
      <c r="AO9" s="24">
        <v>72351</v>
      </c>
      <c r="AP9" s="24">
        <v>114506</v>
      </c>
      <c r="AQ9" s="24">
        <v>52345</v>
      </c>
      <c r="AR9" s="24">
        <v>44979</v>
      </c>
      <c r="AS9" s="24">
        <v>37363</v>
      </c>
      <c r="AT9" s="24">
        <v>19752</v>
      </c>
      <c r="AU9" s="24">
        <v>17290</v>
      </c>
      <c r="AV9" s="24">
        <v>27290</v>
      </c>
      <c r="AW9" s="24">
        <v>18613</v>
      </c>
      <c r="AX9" s="24">
        <v>17521</v>
      </c>
      <c r="AY9" s="24">
        <v>10637</v>
      </c>
      <c r="AZ9" s="24">
        <v>12700</v>
      </c>
      <c r="BA9" s="24">
        <v>30389</v>
      </c>
      <c r="BB9" s="24">
        <v>31535</v>
      </c>
      <c r="BC9" s="24">
        <v>33343</v>
      </c>
      <c r="BD9" s="24">
        <v>43392</v>
      </c>
      <c r="BE9" s="24">
        <v>27723</v>
      </c>
      <c r="BF9" s="24">
        <v>161904</v>
      </c>
      <c r="BG9" s="24">
        <v>55261</v>
      </c>
      <c r="BH9" s="24">
        <v>7315711</v>
      </c>
      <c r="BI9" s="24">
        <v>77730</v>
      </c>
      <c r="BJ9" s="24">
        <v>0</v>
      </c>
      <c r="BK9" s="24">
        <v>166392</v>
      </c>
      <c r="BL9" s="24">
        <v>113455</v>
      </c>
      <c r="BM9" s="24">
        <v>61069</v>
      </c>
      <c r="BN9" s="24">
        <v>37363</v>
      </c>
      <c r="BO9" s="24">
        <v>17521</v>
      </c>
      <c r="BP9" s="24">
        <v>7531</v>
      </c>
      <c r="BQ9" s="24">
        <v>12700</v>
      </c>
      <c r="BR9" s="24">
        <v>30389</v>
      </c>
      <c r="BS9" s="24">
        <v>43392</v>
      </c>
      <c r="BT9" s="24">
        <v>15123</v>
      </c>
      <c r="BU9" s="24">
        <v>582665</v>
      </c>
      <c r="BV9" s="24">
        <v>190341</v>
      </c>
      <c r="BW9" s="24">
        <v>56848</v>
      </c>
      <c r="BX9" s="24">
        <v>111840</v>
      </c>
      <c r="BY9" s="24">
        <v>76429</v>
      </c>
      <c r="BZ9" s="24">
        <v>117473</v>
      </c>
      <c r="CA9" s="24">
        <v>140418</v>
      </c>
      <c r="CB9" s="24">
        <v>150706</v>
      </c>
      <c r="CC9" s="24">
        <v>61069</v>
      </c>
      <c r="CD9" s="24">
        <v>48630</v>
      </c>
      <c r="CE9" s="24">
        <v>54037</v>
      </c>
      <c r="CF9" s="24">
        <v>72351</v>
      </c>
      <c r="CG9" s="24">
        <v>52325</v>
      </c>
      <c r="CH9" s="24">
        <v>31865</v>
      </c>
      <c r="CI9" s="24">
        <v>10667</v>
      </c>
      <c r="CJ9" s="24">
        <v>19752</v>
      </c>
      <c r="CK9" s="24">
        <v>27290</v>
      </c>
      <c r="CL9" s="24">
        <v>17521</v>
      </c>
      <c r="CM9" s="24">
        <v>12729</v>
      </c>
      <c r="CN9" s="24">
        <v>10637</v>
      </c>
      <c r="CO9" s="24">
        <v>30389</v>
      </c>
      <c r="CP9" s="24">
        <v>31535</v>
      </c>
      <c r="CQ9" s="24">
        <v>33343</v>
      </c>
      <c r="CR9" s="24">
        <v>27723</v>
      </c>
      <c r="CS9" s="24">
        <v>1385918</v>
      </c>
      <c r="CT9" s="24">
        <v>56848</v>
      </c>
      <c r="CU9" s="24">
        <v>19752</v>
      </c>
      <c r="CV9" s="24">
        <v>17290</v>
      </c>
      <c r="CW9" s="24">
        <v>27290</v>
      </c>
      <c r="CX9" s="24">
        <v>17521</v>
      </c>
      <c r="CY9" s="24">
        <v>12729</v>
      </c>
      <c r="CZ9" s="24">
        <v>10193</v>
      </c>
      <c r="DA9" s="24">
        <v>7531</v>
      </c>
      <c r="DB9" s="24">
        <v>9951</v>
      </c>
      <c r="DC9" s="24">
        <v>2385</v>
      </c>
      <c r="DD9" s="24">
        <v>31535</v>
      </c>
      <c r="DE9" s="24">
        <v>15123</v>
      </c>
      <c r="DF9" s="24">
        <v>228148</v>
      </c>
      <c r="DG9" s="24">
        <v>7360894</v>
      </c>
    </row>
    <row r="10" spans="1:111" ht="10" customHeight="1">
      <c r="A10" s="100"/>
      <c r="B10" s="23" t="s">
        <v>7</v>
      </c>
      <c r="C10" s="21"/>
      <c r="D10" s="21"/>
      <c r="E10" s="22"/>
      <c r="F10" s="24">
        <v>1240562</v>
      </c>
      <c r="G10" s="24">
        <v>277824</v>
      </c>
      <c r="H10" s="24">
        <v>109547</v>
      </c>
      <c r="I10" s="24">
        <v>583102</v>
      </c>
      <c r="J10" s="24">
        <v>47225</v>
      </c>
      <c r="K10" s="24">
        <v>26257</v>
      </c>
      <c r="L10" s="24">
        <v>305336</v>
      </c>
      <c r="M10" s="24">
        <v>54624</v>
      </c>
      <c r="N10" s="24">
        <v>52420</v>
      </c>
      <c r="O10" s="24">
        <v>45115</v>
      </c>
      <c r="P10" s="24">
        <v>54300</v>
      </c>
      <c r="Q10" s="24">
        <v>205404</v>
      </c>
      <c r="R10" s="24">
        <v>111221</v>
      </c>
      <c r="S10" s="24">
        <v>28089</v>
      </c>
      <c r="T10" s="24">
        <v>93147</v>
      </c>
      <c r="U10" s="24">
        <v>79906</v>
      </c>
      <c r="V10" s="24">
        <v>201641</v>
      </c>
      <c r="W10" s="24">
        <v>250160</v>
      </c>
      <c r="X10" s="24">
        <v>311178</v>
      </c>
      <c r="Y10" s="24">
        <v>76357</v>
      </c>
      <c r="Z10" s="24">
        <v>142070</v>
      </c>
      <c r="AA10" s="24">
        <v>122530</v>
      </c>
      <c r="AB10" s="24">
        <v>143370</v>
      </c>
      <c r="AC10" s="24">
        <v>74945</v>
      </c>
      <c r="AD10" s="24">
        <v>82311</v>
      </c>
      <c r="AE10" s="24">
        <v>156505</v>
      </c>
      <c r="AF10" s="24">
        <v>62005</v>
      </c>
      <c r="AG10" s="24">
        <v>97275</v>
      </c>
      <c r="AH10" s="24">
        <v>52738</v>
      </c>
      <c r="AI10" s="24">
        <v>88481</v>
      </c>
      <c r="AJ10" s="24">
        <v>96381</v>
      </c>
      <c r="AK10" s="24">
        <v>127998</v>
      </c>
      <c r="AL10" s="24">
        <v>43044</v>
      </c>
      <c r="AM10" s="24">
        <v>27443</v>
      </c>
      <c r="AN10" s="24">
        <v>31142</v>
      </c>
      <c r="AO10" s="24">
        <v>60620</v>
      </c>
      <c r="AP10" s="24">
        <v>103149</v>
      </c>
      <c r="AQ10" s="24">
        <v>37956</v>
      </c>
      <c r="AR10" s="24">
        <v>33734</v>
      </c>
      <c r="AS10" s="24">
        <v>30616</v>
      </c>
      <c r="AT10" s="24">
        <v>11141</v>
      </c>
      <c r="AU10" s="24">
        <v>12075</v>
      </c>
      <c r="AV10" s="24">
        <v>17713</v>
      </c>
      <c r="AW10" s="24">
        <v>9727</v>
      </c>
      <c r="AX10" s="24">
        <v>3795</v>
      </c>
      <c r="AY10" s="24">
        <v>0</v>
      </c>
      <c r="AZ10" s="24">
        <v>0</v>
      </c>
      <c r="BA10" s="24">
        <v>0</v>
      </c>
      <c r="BB10" s="24">
        <v>0</v>
      </c>
      <c r="BC10" s="24">
        <v>24106</v>
      </c>
      <c r="BD10" s="24">
        <v>25552</v>
      </c>
      <c r="BE10" s="24">
        <v>19359</v>
      </c>
      <c r="BF10" s="24">
        <v>122473</v>
      </c>
      <c r="BG10" s="24">
        <v>26748</v>
      </c>
      <c r="BH10" s="24">
        <v>6040417</v>
      </c>
      <c r="BI10" s="24">
        <v>54624</v>
      </c>
      <c r="BJ10" s="24">
        <v>0</v>
      </c>
      <c r="BK10" s="24">
        <v>156505</v>
      </c>
      <c r="BL10" s="24">
        <v>96381</v>
      </c>
      <c r="BM10" s="24">
        <v>43044</v>
      </c>
      <c r="BN10" s="24">
        <v>30616</v>
      </c>
      <c r="BO10" s="24">
        <v>3795</v>
      </c>
      <c r="BP10" s="24">
        <v>1576</v>
      </c>
      <c r="BQ10" s="24">
        <v>0</v>
      </c>
      <c r="BR10" s="24">
        <v>0</v>
      </c>
      <c r="BS10" s="24">
        <v>25552</v>
      </c>
      <c r="BT10" s="24">
        <v>0</v>
      </c>
      <c r="BU10" s="24">
        <v>412093</v>
      </c>
      <c r="BV10" s="24">
        <v>109547</v>
      </c>
      <c r="BW10" s="24">
        <v>26257</v>
      </c>
      <c r="BX10" s="24">
        <v>52420</v>
      </c>
      <c r="BY10" s="24">
        <v>45115</v>
      </c>
      <c r="BZ10" s="24">
        <v>93147</v>
      </c>
      <c r="CA10" s="24">
        <v>79906</v>
      </c>
      <c r="CB10" s="24">
        <v>97275</v>
      </c>
      <c r="CC10" s="24">
        <v>43044</v>
      </c>
      <c r="CD10" s="24">
        <v>27443</v>
      </c>
      <c r="CE10" s="24">
        <v>31142</v>
      </c>
      <c r="CF10" s="24">
        <v>60620</v>
      </c>
      <c r="CG10" s="24">
        <v>37956</v>
      </c>
      <c r="CH10" s="24">
        <v>19915</v>
      </c>
      <c r="CI10" s="24">
        <v>0</v>
      </c>
      <c r="CJ10" s="24">
        <v>11141</v>
      </c>
      <c r="CK10" s="24">
        <v>17713</v>
      </c>
      <c r="CL10" s="24">
        <v>3795</v>
      </c>
      <c r="CM10" s="24">
        <v>8189</v>
      </c>
      <c r="CN10" s="24">
        <v>0</v>
      </c>
      <c r="CO10" s="24">
        <v>0</v>
      </c>
      <c r="CP10" s="24">
        <v>0</v>
      </c>
      <c r="CQ10" s="24">
        <v>24106</v>
      </c>
      <c r="CR10" s="24">
        <v>19359</v>
      </c>
      <c r="CS10" s="24">
        <v>808090</v>
      </c>
      <c r="CT10" s="24">
        <v>26257</v>
      </c>
      <c r="CU10" s="24">
        <v>11141</v>
      </c>
      <c r="CV10" s="24">
        <v>12075</v>
      </c>
      <c r="CW10" s="24">
        <v>17713</v>
      </c>
      <c r="CX10" s="24">
        <v>3795</v>
      </c>
      <c r="CY10" s="24">
        <v>8189</v>
      </c>
      <c r="CZ10" s="24">
        <v>0</v>
      </c>
      <c r="DA10" s="24">
        <v>1576</v>
      </c>
      <c r="DB10" s="24">
        <v>0</v>
      </c>
      <c r="DC10" s="24">
        <v>0</v>
      </c>
      <c r="DD10" s="24">
        <v>2268</v>
      </c>
      <c r="DE10" s="24">
        <v>0</v>
      </c>
      <c r="DF10" s="24">
        <v>83014</v>
      </c>
      <c r="DG10" s="24">
        <v>6041993</v>
      </c>
    </row>
    <row r="11" spans="1:111" ht="10" customHeight="1">
      <c r="A11" s="100"/>
      <c r="B11" s="23" t="s">
        <v>8</v>
      </c>
      <c r="C11" s="21"/>
      <c r="D11" s="21"/>
      <c r="E11" s="22"/>
      <c r="F11" s="24">
        <v>1307879</v>
      </c>
      <c r="G11" s="24">
        <v>292400</v>
      </c>
      <c r="H11" s="24">
        <v>84400</v>
      </c>
      <c r="I11" s="24">
        <v>508300</v>
      </c>
      <c r="J11" s="24">
        <v>30600</v>
      </c>
      <c r="K11" s="24">
        <v>22260</v>
      </c>
      <c r="L11" s="24">
        <v>296100</v>
      </c>
      <c r="M11" s="24">
        <v>39900</v>
      </c>
      <c r="N11" s="24">
        <v>64600</v>
      </c>
      <c r="O11" s="24">
        <v>50770</v>
      </c>
      <c r="P11" s="24">
        <v>49700</v>
      </c>
      <c r="Q11" s="24">
        <v>218900</v>
      </c>
      <c r="R11" s="24">
        <v>109500</v>
      </c>
      <c r="S11" s="24">
        <v>15900</v>
      </c>
      <c r="T11" s="24">
        <v>79300</v>
      </c>
      <c r="U11" s="24">
        <v>101400</v>
      </c>
      <c r="V11" s="24">
        <v>180000</v>
      </c>
      <c r="W11" s="24">
        <v>222700</v>
      </c>
      <c r="X11" s="24">
        <v>269100</v>
      </c>
      <c r="Y11" s="24">
        <v>64200</v>
      </c>
      <c r="Z11" s="24">
        <v>114800</v>
      </c>
      <c r="AA11" s="24">
        <v>104900</v>
      </c>
      <c r="AB11" s="24">
        <v>118700</v>
      </c>
      <c r="AC11" s="24">
        <v>74400</v>
      </c>
      <c r="AD11" s="24">
        <v>75400</v>
      </c>
      <c r="AE11" s="24">
        <v>154600</v>
      </c>
      <c r="AF11" s="24">
        <v>53000</v>
      </c>
      <c r="AG11" s="24">
        <v>100800</v>
      </c>
      <c r="AH11" s="24">
        <v>66400</v>
      </c>
      <c r="AI11" s="24">
        <v>71600</v>
      </c>
      <c r="AJ11" s="24">
        <v>95350</v>
      </c>
      <c r="AK11" s="24">
        <v>140000</v>
      </c>
      <c r="AL11" s="24">
        <v>39852</v>
      </c>
      <c r="AM11" s="24">
        <v>39100</v>
      </c>
      <c r="AN11" s="24">
        <v>26400</v>
      </c>
      <c r="AO11" s="24">
        <v>52400</v>
      </c>
      <c r="AP11" s="24">
        <v>95600</v>
      </c>
      <c r="AQ11" s="24">
        <v>34600</v>
      </c>
      <c r="AR11" s="24">
        <v>40700</v>
      </c>
      <c r="AS11" s="24">
        <v>25410</v>
      </c>
      <c r="AT11" s="24">
        <v>14100</v>
      </c>
      <c r="AU11" s="24">
        <v>11800</v>
      </c>
      <c r="AV11" s="24">
        <v>12500</v>
      </c>
      <c r="AW11" s="24">
        <v>10900</v>
      </c>
      <c r="AX11" s="24">
        <v>5557</v>
      </c>
      <c r="AY11" s="24">
        <v>2682</v>
      </c>
      <c r="AZ11" s="24">
        <v>300</v>
      </c>
      <c r="BA11" s="24">
        <v>5978</v>
      </c>
      <c r="BB11" s="24">
        <v>6900</v>
      </c>
      <c r="BC11" s="24">
        <v>27900</v>
      </c>
      <c r="BD11" s="24">
        <v>28810</v>
      </c>
      <c r="BE11" s="24">
        <v>12200</v>
      </c>
      <c r="BF11" s="24">
        <v>117230</v>
      </c>
      <c r="BG11" s="24">
        <v>45900</v>
      </c>
      <c r="BH11" s="24">
        <v>5834678</v>
      </c>
      <c r="BI11" s="24">
        <v>770</v>
      </c>
      <c r="BJ11" s="24">
        <v>0</v>
      </c>
      <c r="BK11" s="24">
        <v>3500</v>
      </c>
      <c r="BL11" s="24">
        <v>4350</v>
      </c>
      <c r="BM11" s="24">
        <v>2391</v>
      </c>
      <c r="BN11" s="24">
        <v>7390</v>
      </c>
      <c r="BO11" s="24">
        <v>6756</v>
      </c>
      <c r="BP11" s="24">
        <v>3800</v>
      </c>
      <c r="BQ11" s="24">
        <v>1300</v>
      </c>
      <c r="BR11" s="24">
        <v>761</v>
      </c>
      <c r="BS11" s="24">
        <v>4190</v>
      </c>
      <c r="BT11" s="24">
        <v>6500</v>
      </c>
      <c r="BU11" s="24">
        <v>41708</v>
      </c>
      <c r="BV11" s="24">
        <v>13780</v>
      </c>
      <c r="BW11" s="24">
        <v>10405</v>
      </c>
      <c r="BX11" s="24">
        <v>17350</v>
      </c>
      <c r="BY11" s="24">
        <v>3960</v>
      </c>
      <c r="BZ11" s="24">
        <v>5660</v>
      </c>
      <c r="CA11" s="24">
        <v>29320</v>
      </c>
      <c r="CB11" s="24">
        <v>18760</v>
      </c>
      <c r="CC11" s="24">
        <v>14112</v>
      </c>
      <c r="CD11" s="24">
        <v>10420</v>
      </c>
      <c r="CE11" s="24">
        <v>660</v>
      </c>
      <c r="CF11" s="24">
        <v>680</v>
      </c>
      <c r="CG11" s="24">
        <v>2370</v>
      </c>
      <c r="CH11" s="24">
        <v>810</v>
      </c>
      <c r="CI11" s="24">
        <v>1911</v>
      </c>
      <c r="CJ11" s="24">
        <v>2030</v>
      </c>
      <c r="CK11" s="24">
        <v>1555</v>
      </c>
      <c r="CL11" s="24">
        <v>6644</v>
      </c>
      <c r="CM11" s="24">
        <v>890</v>
      </c>
      <c r="CN11" s="24">
        <v>4857</v>
      </c>
      <c r="CO11" s="24">
        <v>470</v>
      </c>
      <c r="CP11" s="24">
        <v>3720</v>
      </c>
      <c r="CQ11" s="24">
        <v>1350</v>
      </c>
      <c r="CR11" s="24">
        <v>210</v>
      </c>
      <c r="CS11" s="24">
        <v>151924</v>
      </c>
      <c r="CT11" s="24">
        <v>13408</v>
      </c>
      <c r="CU11" s="24">
        <v>3879</v>
      </c>
      <c r="CV11" s="24">
        <v>5800</v>
      </c>
      <c r="CW11" s="24">
        <v>1914</v>
      </c>
      <c r="CX11" s="24">
        <v>1100</v>
      </c>
      <c r="CY11" s="24">
        <v>3687</v>
      </c>
      <c r="CZ11" s="24">
        <v>9686</v>
      </c>
      <c r="DA11" s="24">
        <v>4340</v>
      </c>
      <c r="DB11" s="24">
        <v>9951</v>
      </c>
      <c r="DC11" s="24">
        <v>2450</v>
      </c>
      <c r="DD11" s="24">
        <v>2388</v>
      </c>
      <c r="DE11" s="24">
        <v>7745</v>
      </c>
      <c r="DF11" s="24">
        <v>66348</v>
      </c>
      <c r="DG11" s="24">
        <v>6094658</v>
      </c>
    </row>
    <row r="12" spans="1:111" ht="10" customHeight="1">
      <c r="A12" s="100"/>
      <c r="B12" s="23" t="s">
        <v>9</v>
      </c>
      <c r="C12" s="21"/>
      <c r="D12" s="21"/>
      <c r="E12" s="22"/>
      <c r="F12" s="24">
        <v>1287789</v>
      </c>
      <c r="G12" s="24">
        <v>315584</v>
      </c>
      <c r="H12" s="24">
        <v>96234</v>
      </c>
      <c r="I12" s="24">
        <v>541907</v>
      </c>
      <c r="J12" s="24">
        <v>44919</v>
      </c>
      <c r="K12" s="24">
        <v>32413</v>
      </c>
      <c r="L12" s="24">
        <v>326416</v>
      </c>
      <c r="M12" s="24">
        <v>56390</v>
      </c>
      <c r="N12" s="24">
        <v>58961</v>
      </c>
      <c r="O12" s="24">
        <v>47991</v>
      </c>
      <c r="P12" s="24">
        <v>48968</v>
      </c>
      <c r="Q12" s="24">
        <v>206914</v>
      </c>
      <c r="R12" s="24">
        <v>143463</v>
      </c>
      <c r="S12" s="24">
        <v>19699</v>
      </c>
      <c r="T12" s="24">
        <v>93056</v>
      </c>
      <c r="U12" s="24">
        <v>85213</v>
      </c>
      <c r="V12" s="24">
        <v>198923</v>
      </c>
      <c r="W12" s="24">
        <v>247503</v>
      </c>
      <c r="X12" s="24">
        <v>288691</v>
      </c>
      <c r="Y12" s="24">
        <v>74137</v>
      </c>
      <c r="Z12" s="24">
        <v>136147</v>
      </c>
      <c r="AA12" s="24">
        <v>126749</v>
      </c>
      <c r="AB12" s="24">
        <v>143021</v>
      </c>
      <c r="AC12" s="24">
        <v>75867</v>
      </c>
      <c r="AD12" s="24">
        <v>82311</v>
      </c>
      <c r="AE12" s="24">
        <v>159760</v>
      </c>
      <c r="AF12" s="24">
        <v>61507</v>
      </c>
      <c r="AG12" s="24">
        <v>107431</v>
      </c>
      <c r="AH12" s="24">
        <v>49031</v>
      </c>
      <c r="AI12" s="24">
        <v>77359</v>
      </c>
      <c r="AJ12" s="24">
        <v>108011</v>
      </c>
      <c r="AK12" s="24">
        <v>126890</v>
      </c>
      <c r="AL12" s="24">
        <v>43272</v>
      </c>
      <c r="AM12" s="24">
        <v>22521</v>
      </c>
      <c r="AN12" s="24">
        <v>35524</v>
      </c>
      <c r="AO12" s="24">
        <v>60620</v>
      </c>
      <c r="AP12" s="24">
        <v>108301</v>
      </c>
      <c r="AQ12" s="24">
        <v>36979</v>
      </c>
      <c r="AR12" s="24">
        <v>34321</v>
      </c>
      <c r="AS12" s="24">
        <v>30616</v>
      </c>
      <c r="AT12" s="24">
        <v>11141</v>
      </c>
      <c r="AU12" s="24">
        <v>11942</v>
      </c>
      <c r="AV12" s="24">
        <v>16009</v>
      </c>
      <c r="AW12" s="24">
        <v>9727</v>
      </c>
      <c r="AX12" s="24">
        <v>2500</v>
      </c>
      <c r="AY12" s="24">
        <v>2199</v>
      </c>
      <c r="AZ12" s="24">
        <v>476</v>
      </c>
      <c r="BA12" s="24">
        <v>4420</v>
      </c>
      <c r="BB12" s="24">
        <v>8917</v>
      </c>
      <c r="BC12" s="24">
        <v>24846</v>
      </c>
      <c r="BD12" s="24">
        <v>27341</v>
      </c>
      <c r="BE12" s="24">
        <v>19359</v>
      </c>
      <c r="BF12" s="24">
        <v>128056</v>
      </c>
      <c r="BG12" s="24">
        <v>36545</v>
      </c>
      <c r="BH12" s="24">
        <v>6144887</v>
      </c>
      <c r="BI12" s="24">
        <v>681</v>
      </c>
      <c r="BJ12" s="24">
        <v>0</v>
      </c>
      <c r="BK12" s="24">
        <v>2308</v>
      </c>
      <c r="BL12" s="24">
        <v>4277</v>
      </c>
      <c r="BM12" s="24">
        <v>2362</v>
      </c>
      <c r="BN12" s="24">
        <v>4945</v>
      </c>
      <c r="BO12" s="24">
        <v>2560</v>
      </c>
      <c r="BP12" s="24">
        <v>3215</v>
      </c>
      <c r="BQ12" s="24">
        <v>1154</v>
      </c>
      <c r="BR12" s="24">
        <v>997</v>
      </c>
      <c r="BS12" s="24">
        <v>3434</v>
      </c>
      <c r="BT12" s="24">
        <v>10465</v>
      </c>
      <c r="BU12" s="24">
        <v>36398</v>
      </c>
      <c r="BV12" s="24">
        <v>8782</v>
      </c>
      <c r="BW12" s="24">
        <v>2233</v>
      </c>
      <c r="BX12" s="24">
        <v>11990</v>
      </c>
      <c r="BY12" s="24">
        <v>2259</v>
      </c>
      <c r="BZ12" s="24">
        <v>2481</v>
      </c>
      <c r="CA12" s="24">
        <v>18126</v>
      </c>
      <c r="CB12" s="24">
        <v>9627</v>
      </c>
      <c r="CC12" s="24">
        <v>3581</v>
      </c>
      <c r="CD12" s="24">
        <v>381</v>
      </c>
      <c r="CE12" s="24">
        <v>292</v>
      </c>
      <c r="CF12" s="24">
        <v>429</v>
      </c>
      <c r="CG12" s="24">
        <v>1212</v>
      </c>
      <c r="CH12" s="24">
        <v>387</v>
      </c>
      <c r="CI12" s="24">
        <v>1053</v>
      </c>
      <c r="CJ12" s="24">
        <v>1350</v>
      </c>
      <c r="CK12" s="24">
        <v>1412</v>
      </c>
      <c r="CL12" s="24">
        <v>4795</v>
      </c>
      <c r="CM12" s="24">
        <v>853</v>
      </c>
      <c r="CN12" s="24">
        <v>3890</v>
      </c>
      <c r="CO12" s="24">
        <v>255</v>
      </c>
      <c r="CP12" s="24">
        <v>2406</v>
      </c>
      <c r="CQ12" s="24">
        <v>783</v>
      </c>
      <c r="CR12" s="24">
        <v>116</v>
      </c>
      <c r="CS12" s="24">
        <v>78693</v>
      </c>
      <c r="CT12" s="24">
        <v>6109</v>
      </c>
      <c r="CU12" s="24">
        <v>593</v>
      </c>
      <c r="CV12" s="24">
        <v>1458</v>
      </c>
      <c r="CW12" s="24">
        <v>34</v>
      </c>
      <c r="CX12" s="24">
        <v>86</v>
      </c>
      <c r="CY12" s="24">
        <v>783</v>
      </c>
      <c r="CZ12" s="24">
        <v>3826</v>
      </c>
      <c r="DA12" s="24">
        <v>872</v>
      </c>
      <c r="DB12" s="24">
        <v>3541</v>
      </c>
      <c r="DC12" s="24">
        <v>923</v>
      </c>
      <c r="DD12" s="24">
        <v>143</v>
      </c>
      <c r="DE12" s="24">
        <v>749</v>
      </c>
      <c r="DF12" s="24">
        <v>19117</v>
      </c>
      <c r="DG12" s="24">
        <v>6279095</v>
      </c>
    </row>
    <row r="13" spans="1:111" ht="10" customHeight="1">
      <c r="A13" s="100"/>
      <c r="B13" s="23" t="s">
        <v>10</v>
      </c>
      <c r="C13" s="21"/>
      <c r="D13" s="21"/>
      <c r="E13" s="22"/>
      <c r="F13" s="24">
        <v>1287789</v>
      </c>
      <c r="G13" s="24">
        <v>315584</v>
      </c>
      <c r="H13" s="24">
        <v>96234</v>
      </c>
      <c r="I13" s="24">
        <v>541907</v>
      </c>
      <c r="J13" s="24">
        <v>44919</v>
      </c>
      <c r="K13" s="24">
        <v>32413</v>
      </c>
      <c r="L13" s="24">
        <v>326416</v>
      </c>
      <c r="M13" s="24">
        <v>56390</v>
      </c>
      <c r="N13" s="24">
        <v>58961</v>
      </c>
      <c r="O13" s="24">
        <v>47991</v>
      </c>
      <c r="P13" s="24">
        <v>48968</v>
      </c>
      <c r="Q13" s="24">
        <v>206914</v>
      </c>
      <c r="R13" s="24">
        <v>143463</v>
      </c>
      <c r="S13" s="24">
        <v>19699</v>
      </c>
      <c r="T13" s="24">
        <v>93056</v>
      </c>
      <c r="U13" s="24">
        <v>85213</v>
      </c>
      <c r="V13" s="24">
        <v>198923</v>
      </c>
      <c r="W13" s="24">
        <v>247503</v>
      </c>
      <c r="X13" s="24">
        <v>288691</v>
      </c>
      <c r="Y13" s="24">
        <v>74137</v>
      </c>
      <c r="Z13" s="24">
        <v>136147</v>
      </c>
      <c r="AA13" s="24">
        <v>126749</v>
      </c>
      <c r="AB13" s="24">
        <v>143021</v>
      </c>
      <c r="AC13" s="24">
        <v>75867</v>
      </c>
      <c r="AD13" s="24">
        <v>82311</v>
      </c>
      <c r="AE13" s="24">
        <v>159760</v>
      </c>
      <c r="AF13" s="24">
        <v>61507</v>
      </c>
      <c r="AG13" s="24">
        <v>107431</v>
      </c>
      <c r="AH13" s="24">
        <v>49031</v>
      </c>
      <c r="AI13" s="24">
        <v>77359</v>
      </c>
      <c r="AJ13" s="24">
        <v>108011</v>
      </c>
      <c r="AK13" s="24">
        <v>126890</v>
      </c>
      <c r="AL13" s="24">
        <v>43272</v>
      </c>
      <c r="AM13" s="24">
        <v>22521</v>
      </c>
      <c r="AN13" s="24">
        <v>35524</v>
      </c>
      <c r="AO13" s="24">
        <v>60620</v>
      </c>
      <c r="AP13" s="24">
        <v>108301</v>
      </c>
      <c r="AQ13" s="24">
        <v>36979</v>
      </c>
      <c r="AR13" s="24">
        <v>34321</v>
      </c>
      <c r="AS13" s="24">
        <v>30616</v>
      </c>
      <c r="AT13" s="24">
        <v>11141</v>
      </c>
      <c r="AU13" s="24">
        <v>11942</v>
      </c>
      <c r="AV13" s="24">
        <v>16009</v>
      </c>
      <c r="AW13" s="24">
        <v>9727</v>
      </c>
      <c r="AX13" s="24">
        <v>2500</v>
      </c>
      <c r="AY13" s="24">
        <v>2199</v>
      </c>
      <c r="AZ13" s="24">
        <v>476</v>
      </c>
      <c r="BA13" s="24">
        <v>4420</v>
      </c>
      <c r="BB13" s="24">
        <v>8917</v>
      </c>
      <c r="BC13" s="24">
        <v>24846</v>
      </c>
      <c r="BD13" s="24">
        <v>27341</v>
      </c>
      <c r="BE13" s="24">
        <v>19359</v>
      </c>
      <c r="BF13" s="24">
        <v>128056</v>
      </c>
      <c r="BG13" s="24">
        <v>36545</v>
      </c>
      <c r="BH13" s="24">
        <v>6144887</v>
      </c>
      <c r="BI13" s="24">
        <v>681</v>
      </c>
      <c r="BJ13" s="24">
        <v>0</v>
      </c>
      <c r="BK13" s="24">
        <v>2308</v>
      </c>
      <c r="BL13" s="24">
        <v>4277</v>
      </c>
      <c r="BM13" s="24">
        <v>2362</v>
      </c>
      <c r="BN13" s="24">
        <v>4945</v>
      </c>
      <c r="BO13" s="24">
        <v>2560</v>
      </c>
      <c r="BP13" s="24">
        <v>3215</v>
      </c>
      <c r="BQ13" s="24">
        <v>1146</v>
      </c>
      <c r="BR13" s="24">
        <v>997</v>
      </c>
      <c r="BS13" s="24">
        <v>3434</v>
      </c>
      <c r="BT13" s="24">
        <v>10465</v>
      </c>
      <c r="BU13" s="24">
        <v>36390</v>
      </c>
      <c r="BV13" s="24">
        <v>8782</v>
      </c>
      <c r="BW13" s="24">
        <v>2233</v>
      </c>
      <c r="BX13" s="24">
        <v>11990</v>
      </c>
      <c r="BY13" s="24">
        <v>2259</v>
      </c>
      <c r="BZ13" s="24">
        <v>2481</v>
      </c>
      <c r="CA13" s="24">
        <v>18126</v>
      </c>
      <c r="CB13" s="24">
        <v>9627</v>
      </c>
      <c r="CC13" s="24">
        <v>3581</v>
      </c>
      <c r="CD13" s="24">
        <v>381</v>
      </c>
      <c r="CE13" s="24">
        <v>292</v>
      </c>
      <c r="CF13" s="24">
        <v>429</v>
      </c>
      <c r="CG13" s="24">
        <v>1212</v>
      </c>
      <c r="CH13" s="24">
        <v>387</v>
      </c>
      <c r="CI13" s="24">
        <v>1053</v>
      </c>
      <c r="CJ13" s="24">
        <v>1350</v>
      </c>
      <c r="CK13" s="24">
        <v>1412</v>
      </c>
      <c r="CL13" s="24">
        <v>4795</v>
      </c>
      <c r="CM13" s="24">
        <v>853</v>
      </c>
      <c r="CN13" s="24">
        <v>3890</v>
      </c>
      <c r="CO13" s="24">
        <v>255</v>
      </c>
      <c r="CP13" s="24">
        <v>2406</v>
      </c>
      <c r="CQ13" s="24">
        <v>783</v>
      </c>
      <c r="CR13" s="24">
        <v>116</v>
      </c>
      <c r="CS13" s="24">
        <v>78693</v>
      </c>
      <c r="CT13" s="24">
        <v>6109</v>
      </c>
      <c r="CU13" s="24">
        <v>593</v>
      </c>
      <c r="CV13" s="24">
        <v>1458</v>
      </c>
      <c r="CW13" s="24">
        <v>34</v>
      </c>
      <c r="CX13" s="24">
        <v>86</v>
      </c>
      <c r="CY13" s="24">
        <v>783</v>
      </c>
      <c r="CZ13" s="24">
        <v>3826</v>
      </c>
      <c r="DA13" s="24">
        <v>872</v>
      </c>
      <c r="DB13" s="24">
        <v>3541</v>
      </c>
      <c r="DC13" s="24">
        <v>923</v>
      </c>
      <c r="DD13" s="24">
        <v>143</v>
      </c>
      <c r="DE13" s="24">
        <v>749</v>
      </c>
      <c r="DF13" s="24">
        <v>19117</v>
      </c>
      <c r="DG13" s="24">
        <v>6279087</v>
      </c>
    </row>
    <row r="14" spans="1:111" ht="10" customHeight="1">
      <c r="A14" s="100"/>
      <c r="B14" s="23" t="s">
        <v>11</v>
      </c>
      <c r="C14" s="21"/>
      <c r="D14" s="21"/>
      <c r="E14" s="22"/>
      <c r="F14" s="24">
        <v>1262603</v>
      </c>
      <c r="G14" s="24">
        <v>310125</v>
      </c>
      <c r="H14" s="24">
        <v>84796</v>
      </c>
      <c r="I14" s="24">
        <v>511358</v>
      </c>
      <c r="J14" s="24">
        <v>40422</v>
      </c>
      <c r="K14" s="24">
        <v>31960</v>
      </c>
      <c r="L14" s="24">
        <v>322202</v>
      </c>
      <c r="M14" s="24">
        <v>53791</v>
      </c>
      <c r="N14" s="24">
        <v>49220</v>
      </c>
      <c r="O14" s="24">
        <v>43283</v>
      </c>
      <c r="P14" s="24">
        <v>47989</v>
      </c>
      <c r="Q14" s="24">
        <v>201228</v>
      </c>
      <c r="R14" s="24">
        <v>142010</v>
      </c>
      <c r="S14" s="24">
        <v>17937</v>
      </c>
      <c r="T14" s="24">
        <v>87776</v>
      </c>
      <c r="U14" s="24">
        <v>77160</v>
      </c>
      <c r="V14" s="24">
        <v>192848</v>
      </c>
      <c r="W14" s="24">
        <v>235897</v>
      </c>
      <c r="X14" s="24">
        <v>279535</v>
      </c>
      <c r="Y14" s="24">
        <v>73780</v>
      </c>
      <c r="Z14" s="24">
        <v>134482</v>
      </c>
      <c r="AA14" s="24">
        <v>124345</v>
      </c>
      <c r="AB14" s="24">
        <v>141816</v>
      </c>
      <c r="AC14" s="24">
        <v>75270</v>
      </c>
      <c r="AD14" s="24">
        <v>81754</v>
      </c>
      <c r="AE14" s="24">
        <v>157806</v>
      </c>
      <c r="AF14" s="24">
        <v>59433</v>
      </c>
      <c r="AG14" s="24">
        <v>99114</v>
      </c>
      <c r="AH14" s="24">
        <v>48685</v>
      </c>
      <c r="AI14" s="24">
        <v>70333</v>
      </c>
      <c r="AJ14" s="24">
        <v>107379</v>
      </c>
      <c r="AK14" s="24">
        <v>114674</v>
      </c>
      <c r="AL14" s="24">
        <v>40702</v>
      </c>
      <c r="AM14" s="24">
        <v>18551</v>
      </c>
      <c r="AN14" s="24">
        <v>34844</v>
      </c>
      <c r="AO14" s="24">
        <v>58934</v>
      </c>
      <c r="AP14" s="24">
        <v>105350</v>
      </c>
      <c r="AQ14" s="24">
        <v>35687</v>
      </c>
      <c r="AR14" s="24">
        <v>31974</v>
      </c>
      <c r="AS14" s="24">
        <v>30472</v>
      </c>
      <c r="AT14" s="24">
        <v>10896</v>
      </c>
      <c r="AU14" s="24">
        <v>11039</v>
      </c>
      <c r="AV14" s="24">
        <v>13117</v>
      </c>
      <c r="AW14" s="24">
        <v>9565</v>
      </c>
      <c r="AX14" s="24">
        <v>2425</v>
      </c>
      <c r="AY14" s="24">
        <v>1591</v>
      </c>
      <c r="AZ14" s="24">
        <v>99</v>
      </c>
      <c r="BA14" s="24">
        <v>2424</v>
      </c>
      <c r="BB14" s="24">
        <v>8031</v>
      </c>
      <c r="BC14" s="24">
        <v>23775</v>
      </c>
      <c r="BD14" s="24">
        <v>25009</v>
      </c>
      <c r="BE14" s="24">
        <v>16563</v>
      </c>
      <c r="BF14" s="24">
        <v>122998</v>
      </c>
      <c r="BG14" s="24">
        <v>32985</v>
      </c>
      <c r="BH14" s="24">
        <v>5918042</v>
      </c>
      <c r="BI14" s="24">
        <v>663</v>
      </c>
      <c r="BJ14" s="24">
        <v>0</v>
      </c>
      <c r="BK14" s="24">
        <v>2308</v>
      </c>
      <c r="BL14" s="24">
        <v>3824</v>
      </c>
      <c r="BM14" s="24">
        <v>2022</v>
      </c>
      <c r="BN14" s="24">
        <v>4766</v>
      </c>
      <c r="BO14" s="24">
        <v>1782</v>
      </c>
      <c r="BP14" s="24">
        <v>2727</v>
      </c>
      <c r="BQ14" s="24">
        <v>805</v>
      </c>
      <c r="BR14" s="24">
        <v>471</v>
      </c>
      <c r="BS14" s="24">
        <v>2993</v>
      </c>
      <c r="BT14" s="24">
        <v>8708</v>
      </c>
      <c r="BU14" s="24">
        <v>31069</v>
      </c>
      <c r="BV14" s="24">
        <v>7478</v>
      </c>
      <c r="BW14" s="24">
        <v>1731</v>
      </c>
      <c r="BX14" s="24">
        <v>9592</v>
      </c>
      <c r="BY14" s="24">
        <v>1913</v>
      </c>
      <c r="BZ14" s="24">
        <v>2350</v>
      </c>
      <c r="CA14" s="24">
        <v>16238</v>
      </c>
      <c r="CB14" s="24">
        <v>8706</v>
      </c>
      <c r="CC14" s="24">
        <v>3018</v>
      </c>
      <c r="CD14" s="24">
        <v>331</v>
      </c>
      <c r="CE14" s="24">
        <v>278</v>
      </c>
      <c r="CF14" s="24">
        <v>351</v>
      </c>
      <c r="CG14" s="24">
        <v>1103</v>
      </c>
      <c r="CH14" s="24">
        <v>387</v>
      </c>
      <c r="CI14" s="24">
        <v>1053</v>
      </c>
      <c r="CJ14" s="24">
        <v>1232</v>
      </c>
      <c r="CK14" s="24">
        <v>1320</v>
      </c>
      <c r="CL14" s="24">
        <v>4603</v>
      </c>
      <c r="CM14" s="24">
        <v>743</v>
      </c>
      <c r="CN14" s="24">
        <v>2961</v>
      </c>
      <c r="CO14" s="24">
        <v>171</v>
      </c>
      <c r="CP14" s="24">
        <v>1962</v>
      </c>
      <c r="CQ14" s="24">
        <v>727</v>
      </c>
      <c r="CR14" s="24">
        <v>111</v>
      </c>
      <c r="CS14" s="24">
        <v>68359</v>
      </c>
      <c r="CT14" s="24">
        <v>6109</v>
      </c>
      <c r="CU14" s="24">
        <v>593</v>
      </c>
      <c r="CV14" s="24">
        <v>1458</v>
      </c>
      <c r="CW14" s="24">
        <v>34</v>
      </c>
      <c r="CX14" s="24">
        <v>86</v>
      </c>
      <c r="CY14" s="24">
        <v>783</v>
      </c>
      <c r="CZ14" s="24">
        <v>3826</v>
      </c>
      <c r="DA14" s="24">
        <v>872</v>
      </c>
      <c r="DB14" s="24">
        <v>3541</v>
      </c>
      <c r="DC14" s="24">
        <v>923</v>
      </c>
      <c r="DD14" s="24">
        <v>143</v>
      </c>
      <c r="DE14" s="24">
        <v>749</v>
      </c>
      <c r="DF14" s="24">
        <v>19117</v>
      </c>
      <c r="DG14" s="24">
        <v>6036587</v>
      </c>
    </row>
    <row r="15" spans="1:111" ht="10" customHeight="1">
      <c r="A15" s="100"/>
      <c r="B15" s="23" t="s">
        <v>12</v>
      </c>
      <c r="C15" s="21"/>
      <c r="D15" s="21"/>
      <c r="E15" s="22"/>
      <c r="F15" s="25">
        <v>95.259684348814091</v>
      </c>
      <c r="G15" s="25">
        <v>89.483459181734929</v>
      </c>
      <c r="H15" s="25">
        <v>50.558734061500154</v>
      </c>
      <c r="I15" s="25">
        <v>89.137797457985371</v>
      </c>
      <c r="J15" s="25">
        <v>58.015395345232868</v>
      </c>
      <c r="K15" s="25">
        <v>57.016957500703633</v>
      </c>
      <c r="L15" s="25">
        <v>95.360740411807328</v>
      </c>
      <c r="M15" s="25">
        <v>72.545992538273509</v>
      </c>
      <c r="N15" s="25">
        <v>52.719062947067243</v>
      </c>
      <c r="O15" s="25">
        <v>62.791610514333563</v>
      </c>
      <c r="P15" s="25">
        <v>53.772580025256687</v>
      </c>
      <c r="Q15" s="25">
        <v>90.210884739304262</v>
      </c>
      <c r="R15" s="25">
        <v>97.052496279258563</v>
      </c>
      <c r="S15" s="25">
        <v>36.808864472971202</v>
      </c>
      <c r="T15" s="25">
        <v>79.21479829407609</v>
      </c>
      <c r="U15" s="25">
        <v>60.685239784073261</v>
      </c>
      <c r="V15" s="25">
        <v>86.408990013509339</v>
      </c>
      <c r="W15" s="25">
        <v>98.151988991247734</v>
      </c>
      <c r="X15" s="25">
        <v>84.414547708718331</v>
      </c>
      <c r="Y15" s="25">
        <v>97.092604476341393</v>
      </c>
      <c r="Z15" s="25">
        <v>95.830928415569787</v>
      </c>
      <c r="AA15" s="25">
        <v>88.710106382978722</v>
      </c>
      <c r="AB15" s="25">
        <v>97.970325515124941</v>
      </c>
      <c r="AC15" s="25">
        <v>99.542090899548654</v>
      </c>
      <c r="AD15" s="25">
        <v>97.205852828985442</v>
      </c>
      <c r="AE15" s="25">
        <v>96.014231453435258</v>
      </c>
      <c r="AF15" s="25">
        <v>82.997557585653183</v>
      </c>
      <c r="AG15" s="25">
        <v>71.285151221583746</v>
      </c>
      <c r="AH15" s="25">
        <v>75.306025280683158</v>
      </c>
      <c r="AI15" s="25">
        <v>82.592912889828426</v>
      </c>
      <c r="AJ15" s="25">
        <v>95.20162178837424</v>
      </c>
      <c r="AK15" s="25">
        <v>89.333361494216462</v>
      </c>
      <c r="AL15" s="25">
        <v>70.857554569421481</v>
      </c>
      <c r="AM15" s="25">
        <v>46.310919185687851</v>
      </c>
      <c r="AN15" s="25">
        <v>65.740141014490078</v>
      </c>
      <c r="AO15" s="25">
        <v>83.785987754142994</v>
      </c>
      <c r="AP15" s="25">
        <v>94.581069987598894</v>
      </c>
      <c r="AQ15" s="25">
        <v>70.644760722132006</v>
      </c>
      <c r="AR15" s="25">
        <v>76.304497654460974</v>
      </c>
      <c r="AS15" s="25">
        <v>81.942028209726203</v>
      </c>
      <c r="AT15" s="25">
        <v>56.404414742810857</v>
      </c>
      <c r="AU15" s="25">
        <v>69.068825910931182</v>
      </c>
      <c r="AV15" s="25">
        <v>58.662513741297175</v>
      </c>
      <c r="AW15" s="25">
        <v>52.259173695804009</v>
      </c>
      <c r="AX15" s="25">
        <v>14.268591975343872</v>
      </c>
      <c r="AY15" s="25">
        <v>20.67312212089875</v>
      </c>
      <c r="AZ15" s="25">
        <v>3.7480314960629926</v>
      </c>
      <c r="BA15" s="25">
        <v>14.54473658231597</v>
      </c>
      <c r="BB15" s="25">
        <v>28.276518154431585</v>
      </c>
      <c r="BC15" s="25">
        <v>74.516390246828422</v>
      </c>
      <c r="BD15" s="25">
        <v>63.009310471976399</v>
      </c>
      <c r="BE15" s="25">
        <v>69.830104966994909</v>
      </c>
      <c r="BF15" s="25">
        <v>79.093783970748106</v>
      </c>
      <c r="BG15" s="25">
        <v>66.131629901739018</v>
      </c>
      <c r="BH15" s="25">
        <v>83.995759263863761</v>
      </c>
      <c r="BI15" s="25">
        <v>0.87610961018911615</v>
      </c>
      <c r="BJ15" s="25" t="s">
        <v>321</v>
      </c>
      <c r="BK15" s="25">
        <v>1.3870859175921919</v>
      </c>
      <c r="BL15" s="25">
        <v>3.7697765633951787</v>
      </c>
      <c r="BM15" s="25">
        <v>3.8677561446887951</v>
      </c>
      <c r="BN15" s="25">
        <v>13.235018601290047</v>
      </c>
      <c r="BO15" s="25">
        <v>14.611038182752125</v>
      </c>
      <c r="BP15" s="25">
        <v>42.690213783030138</v>
      </c>
      <c r="BQ15" s="25">
        <v>9.0236220472440944</v>
      </c>
      <c r="BR15" s="25">
        <v>3.2807923919839417</v>
      </c>
      <c r="BS15" s="25">
        <v>7.9139011799410035</v>
      </c>
      <c r="BT15" s="25">
        <v>69.199232956423998</v>
      </c>
      <c r="BU15" s="25">
        <v>6.2454412054954389</v>
      </c>
      <c r="BV15" s="25">
        <v>4.6138246620538927</v>
      </c>
      <c r="BW15" s="25">
        <v>3.9280185758513935</v>
      </c>
      <c r="BX15" s="25">
        <v>10.720672389127325</v>
      </c>
      <c r="BY15" s="25">
        <v>2.9556843606484451</v>
      </c>
      <c r="BZ15" s="25">
        <v>2.111974666519115</v>
      </c>
      <c r="CA15" s="25">
        <v>12.908601461351111</v>
      </c>
      <c r="CB15" s="25">
        <v>6.3879341233925659</v>
      </c>
      <c r="CC15" s="25">
        <v>5.8638589136877961</v>
      </c>
      <c r="CD15" s="25">
        <v>0.78346699568167788</v>
      </c>
      <c r="CE15" s="25">
        <v>0.54037048688861333</v>
      </c>
      <c r="CF15" s="25">
        <v>0.59294273748807902</v>
      </c>
      <c r="CG15" s="25">
        <v>2.3162924032489247</v>
      </c>
      <c r="CH15" s="25">
        <v>1.2144986662482347</v>
      </c>
      <c r="CI15" s="25">
        <v>9.871566513546453</v>
      </c>
      <c r="CJ15" s="25">
        <v>6.8347509113001221</v>
      </c>
      <c r="CK15" s="25">
        <v>5.1740564309270791</v>
      </c>
      <c r="CL15" s="25">
        <v>27.367159408709547</v>
      </c>
      <c r="CM15" s="25">
        <v>6.7012334040380237</v>
      </c>
      <c r="CN15" s="25">
        <v>36.57046159631475</v>
      </c>
      <c r="CO15" s="25">
        <v>0.8391194182105367</v>
      </c>
      <c r="CP15" s="25">
        <v>7.6296178848898055</v>
      </c>
      <c r="CQ15" s="25">
        <v>2.3483189874936268</v>
      </c>
      <c r="CR15" s="25">
        <v>0.4184251343649677</v>
      </c>
      <c r="CS15" s="24">
        <v>5.6780415580142547</v>
      </c>
      <c r="CT15" s="25">
        <v>10.746200394033211</v>
      </c>
      <c r="CU15" s="25">
        <v>3.0022276225192388</v>
      </c>
      <c r="CV15" s="25">
        <v>8.4326200115673799</v>
      </c>
      <c r="CW15" s="25">
        <v>0.12458776108464639</v>
      </c>
      <c r="CX15" s="25">
        <v>0.49083956395182921</v>
      </c>
      <c r="CY15" s="25">
        <v>6.151308036766439</v>
      </c>
      <c r="CZ15" s="25">
        <v>37.535563622093591</v>
      </c>
      <c r="DA15" s="25">
        <v>11.578807595272872</v>
      </c>
      <c r="DB15" s="25">
        <v>35.584363380564767</v>
      </c>
      <c r="DC15" s="25">
        <v>38.700209643605874</v>
      </c>
      <c r="DD15" s="25">
        <v>0.45346440462977644</v>
      </c>
      <c r="DE15" s="25">
        <v>4.9527210209614498</v>
      </c>
      <c r="DF15" s="25">
        <v>8.3792099864999905</v>
      </c>
      <c r="DG15" s="25">
        <v>85.303320493407455</v>
      </c>
    </row>
    <row r="16" spans="1:111" ht="10" customHeight="1">
      <c r="A16" s="100"/>
      <c r="B16" s="23" t="s">
        <v>13</v>
      </c>
      <c r="C16" s="21"/>
      <c r="D16" s="21"/>
      <c r="E16" s="22"/>
      <c r="F16" s="24">
        <v>21743</v>
      </c>
      <c r="G16" s="24">
        <v>10913</v>
      </c>
      <c r="H16" s="24">
        <v>15982</v>
      </c>
      <c r="I16" s="24">
        <v>6195</v>
      </c>
      <c r="J16" s="24">
        <v>6749</v>
      </c>
      <c r="K16" s="24">
        <v>57783</v>
      </c>
      <c r="L16" s="24">
        <v>7211</v>
      </c>
      <c r="M16" s="24">
        <v>19305</v>
      </c>
      <c r="N16" s="24">
        <v>13347</v>
      </c>
      <c r="O16" s="24">
        <v>8969</v>
      </c>
      <c r="P16" s="24">
        <v>6535</v>
      </c>
      <c r="Q16" s="24">
        <v>6600</v>
      </c>
      <c r="R16" s="24">
        <v>4899</v>
      </c>
      <c r="S16" s="24">
        <v>5864</v>
      </c>
      <c r="T16" s="24">
        <v>6744</v>
      </c>
      <c r="U16" s="24">
        <v>13837</v>
      </c>
      <c r="V16" s="24">
        <v>4551</v>
      </c>
      <c r="W16" s="24">
        <v>2746</v>
      </c>
      <c r="X16" s="24">
        <v>6024</v>
      </c>
      <c r="Y16" s="24">
        <v>510</v>
      </c>
      <c r="Z16" s="24">
        <v>1817</v>
      </c>
      <c r="AA16" s="24">
        <v>4469</v>
      </c>
      <c r="AB16" s="24">
        <v>1834</v>
      </c>
      <c r="AC16" s="24">
        <v>905</v>
      </c>
      <c r="AD16" s="24">
        <v>1104</v>
      </c>
      <c r="AE16" s="24">
        <v>2278</v>
      </c>
      <c r="AF16" s="24">
        <v>2535</v>
      </c>
      <c r="AG16" s="24">
        <v>8241</v>
      </c>
      <c r="AH16" s="24">
        <v>1982</v>
      </c>
      <c r="AI16" s="24">
        <v>1802</v>
      </c>
      <c r="AJ16" s="24">
        <v>1977</v>
      </c>
      <c r="AK16" s="24">
        <v>3022</v>
      </c>
      <c r="AL16" s="24">
        <v>2728</v>
      </c>
      <c r="AM16" s="24">
        <v>3393</v>
      </c>
      <c r="AN16" s="24">
        <v>4748</v>
      </c>
      <c r="AO16" s="24">
        <v>3166</v>
      </c>
      <c r="AP16" s="24">
        <v>1464</v>
      </c>
      <c r="AQ16" s="24">
        <v>2492</v>
      </c>
      <c r="AR16" s="24">
        <v>1479</v>
      </c>
      <c r="AS16" s="24">
        <v>1533</v>
      </c>
      <c r="AT16" s="24">
        <v>2968</v>
      </c>
      <c r="AU16" s="24">
        <v>2992</v>
      </c>
      <c r="AV16" s="24">
        <v>6036</v>
      </c>
      <c r="AW16" s="24">
        <v>4163</v>
      </c>
      <c r="AX16" s="24">
        <v>3864</v>
      </c>
      <c r="AY16" s="24">
        <v>3341</v>
      </c>
      <c r="AZ16" s="24">
        <v>4742</v>
      </c>
      <c r="BA16" s="24">
        <v>2918</v>
      </c>
      <c r="BB16" s="24">
        <v>6425</v>
      </c>
      <c r="BC16" s="24">
        <v>1595</v>
      </c>
      <c r="BD16" s="24">
        <v>3003</v>
      </c>
      <c r="BE16" s="24">
        <v>1620</v>
      </c>
      <c r="BF16" s="24">
        <v>5867</v>
      </c>
      <c r="BG16" s="24">
        <v>10019</v>
      </c>
      <c r="BH16" s="24">
        <v>339029</v>
      </c>
      <c r="BI16" s="24">
        <v>19305</v>
      </c>
      <c r="BJ16" s="24">
        <v>0</v>
      </c>
      <c r="BK16" s="24">
        <v>2278</v>
      </c>
      <c r="BL16" s="24">
        <v>1977</v>
      </c>
      <c r="BM16" s="24">
        <v>2728</v>
      </c>
      <c r="BN16" s="24">
        <v>1533</v>
      </c>
      <c r="BO16" s="24">
        <v>3864</v>
      </c>
      <c r="BP16" s="24">
        <v>4935</v>
      </c>
      <c r="BQ16" s="24">
        <v>4742</v>
      </c>
      <c r="BR16" s="24">
        <v>2918</v>
      </c>
      <c r="BS16" s="24">
        <v>3003</v>
      </c>
      <c r="BT16" s="24">
        <v>9401</v>
      </c>
      <c r="BU16" s="24">
        <v>56684</v>
      </c>
      <c r="BV16" s="24">
        <v>15982</v>
      </c>
      <c r="BW16" s="24">
        <v>57783</v>
      </c>
      <c r="BX16" s="24">
        <v>13347</v>
      </c>
      <c r="BY16" s="24">
        <v>8969</v>
      </c>
      <c r="BZ16" s="24">
        <v>6744</v>
      </c>
      <c r="CA16" s="24">
        <v>13837</v>
      </c>
      <c r="CB16" s="24">
        <v>8241</v>
      </c>
      <c r="CC16" s="24">
        <v>2728</v>
      </c>
      <c r="CD16" s="24">
        <v>3393</v>
      </c>
      <c r="CE16" s="24">
        <v>4748</v>
      </c>
      <c r="CF16" s="24">
        <v>3166</v>
      </c>
      <c r="CG16" s="24">
        <v>2492</v>
      </c>
      <c r="CH16" s="24">
        <v>3407</v>
      </c>
      <c r="CI16" s="24">
        <v>4039</v>
      </c>
      <c r="CJ16" s="24">
        <v>2968</v>
      </c>
      <c r="CK16" s="24">
        <v>6036</v>
      </c>
      <c r="CL16" s="24">
        <v>3864</v>
      </c>
      <c r="CM16" s="24">
        <v>2573</v>
      </c>
      <c r="CN16" s="24">
        <v>3341</v>
      </c>
      <c r="CO16" s="24">
        <v>2921</v>
      </c>
      <c r="CP16" s="24">
        <v>6425</v>
      </c>
      <c r="CQ16" s="24">
        <v>1595</v>
      </c>
      <c r="CR16" s="24">
        <v>1620</v>
      </c>
      <c r="CS16" s="24">
        <v>180219</v>
      </c>
      <c r="CT16" s="24">
        <v>57783</v>
      </c>
      <c r="CU16" s="24">
        <v>2968</v>
      </c>
      <c r="CV16" s="24">
        <v>2992</v>
      </c>
      <c r="CW16" s="24">
        <v>6036</v>
      </c>
      <c r="CX16" s="24">
        <v>3864</v>
      </c>
      <c r="CY16" s="24">
        <v>2573</v>
      </c>
      <c r="CZ16" s="24">
        <v>5590</v>
      </c>
      <c r="DA16" s="24">
        <v>4935</v>
      </c>
      <c r="DB16" s="24">
        <v>17126</v>
      </c>
      <c r="DC16" s="24">
        <v>3706</v>
      </c>
      <c r="DD16" s="24">
        <v>6425</v>
      </c>
      <c r="DE16" s="24">
        <v>9401</v>
      </c>
      <c r="DF16" s="24">
        <v>123399</v>
      </c>
      <c r="DG16" s="24">
        <v>379787</v>
      </c>
    </row>
    <row r="17" spans="1:111" ht="10" customHeight="1">
      <c r="A17" s="100"/>
      <c r="B17" s="23" t="s">
        <v>14</v>
      </c>
      <c r="C17" s="21"/>
      <c r="D17" s="21"/>
      <c r="E17" s="22"/>
      <c r="F17" s="24">
        <v>11698</v>
      </c>
      <c r="G17" s="24">
        <v>3218</v>
      </c>
      <c r="H17" s="24">
        <v>2279</v>
      </c>
      <c r="I17" s="24">
        <v>5424</v>
      </c>
      <c r="J17" s="24">
        <v>1168</v>
      </c>
      <c r="K17" s="24">
        <v>735</v>
      </c>
      <c r="L17" s="24">
        <v>3157</v>
      </c>
      <c r="M17" s="24">
        <v>1144</v>
      </c>
      <c r="N17" s="24">
        <v>1403</v>
      </c>
      <c r="O17" s="24">
        <v>948</v>
      </c>
      <c r="P17" s="24">
        <v>1113</v>
      </c>
      <c r="Q17" s="24">
        <v>2261</v>
      </c>
      <c r="R17" s="24">
        <v>1462</v>
      </c>
      <c r="S17" s="24">
        <v>813</v>
      </c>
      <c r="T17" s="24">
        <v>1547</v>
      </c>
      <c r="U17" s="24">
        <v>1932</v>
      </c>
      <c r="V17" s="24">
        <v>2527</v>
      </c>
      <c r="W17" s="24">
        <v>2503</v>
      </c>
      <c r="X17" s="24">
        <v>3410</v>
      </c>
      <c r="Y17" s="24">
        <v>510</v>
      </c>
      <c r="Z17" s="24">
        <v>1337</v>
      </c>
      <c r="AA17" s="24">
        <v>1561</v>
      </c>
      <c r="AB17" s="24">
        <v>1194</v>
      </c>
      <c r="AC17" s="24">
        <v>665</v>
      </c>
      <c r="AD17" s="24">
        <v>839</v>
      </c>
      <c r="AE17" s="24">
        <v>1382</v>
      </c>
      <c r="AF17" s="24">
        <v>776</v>
      </c>
      <c r="AG17" s="24">
        <v>1441</v>
      </c>
      <c r="AH17" s="24">
        <v>784</v>
      </c>
      <c r="AI17" s="24">
        <v>1490</v>
      </c>
      <c r="AJ17" s="24">
        <v>849</v>
      </c>
      <c r="AK17" s="24">
        <v>1792</v>
      </c>
      <c r="AL17" s="24">
        <v>634</v>
      </c>
      <c r="AM17" s="24">
        <v>400</v>
      </c>
      <c r="AN17" s="24">
        <v>409</v>
      </c>
      <c r="AO17" s="24">
        <v>749</v>
      </c>
      <c r="AP17" s="24">
        <v>870</v>
      </c>
      <c r="AQ17" s="24">
        <v>545</v>
      </c>
      <c r="AR17" s="24">
        <v>569</v>
      </c>
      <c r="AS17" s="24">
        <v>306</v>
      </c>
      <c r="AT17" s="24">
        <v>243</v>
      </c>
      <c r="AU17" s="24">
        <v>340</v>
      </c>
      <c r="AV17" s="24">
        <v>553</v>
      </c>
      <c r="AW17" s="24">
        <v>315</v>
      </c>
      <c r="AX17" s="24">
        <v>187</v>
      </c>
      <c r="AY17" s="24">
        <v>0</v>
      </c>
      <c r="AZ17" s="24">
        <v>0</v>
      </c>
      <c r="BA17" s="24">
        <v>0</v>
      </c>
      <c r="BB17" s="24">
        <v>0</v>
      </c>
      <c r="BC17" s="24">
        <v>366</v>
      </c>
      <c r="BD17" s="24">
        <v>470</v>
      </c>
      <c r="BE17" s="24">
        <v>261</v>
      </c>
      <c r="BF17" s="24">
        <v>1963</v>
      </c>
      <c r="BG17" s="24">
        <v>439</v>
      </c>
      <c r="BH17" s="24">
        <v>72981</v>
      </c>
      <c r="BI17" s="24">
        <v>1144</v>
      </c>
      <c r="BJ17" s="24">
        <v>0</v>
      </c>
      <c r="BK17" s="24">
        <v>1382</v>
      </c>
      <c r="BL17" s="24">
        <v>849</v>
      </c>
      <c r="BM17" s="24">
        <v>634</v>
      </c>
      <c r="BN17" s="24">
        <v>306</v>
      </c>
      <c r="BO17" s="24">
        <v>187</v>
      </c>
      <c r="BP17" s="24">
        <v>49</v>
      </c>
      <c r="BQ17" s="24">
        <v>0</v>
      </c>
      <c r="BR17" s="24">
        <v>0</v>
      </c>
      <c r="BS17" s="24">
        <v>470</v>
      </c>
      <c r="BT17" s="24">
        <v>0</v>
      </c>
      <c r="BU17" s="24">
        <v>5021</v>
      </c>
      <c r="BV17" s="24">
        <v>2279</v>
      </c>
      <c r="BW17" s="24">
        <v>735</v>
      </c>
      <c r="BX17" s="24">
        <v>1403</v>
      </c>
      <c r="BY17" s="24">
        <v>948</v>
      </c>
      <c r="BZ17" s="24">
        <v>1547</v>
      </c>
      <c r="CA17" s="24">
        <v>1932</v>
      </c>
      <c r="CB17" s="24">
        <v>1441</v>
      </c>
      <c r="CC17" s="24">
        <v>634</v>
      </c>
      <c r="CD17" s="24">
        <v>400</v>
      </c>
      <c r="CE17" s="24">
        <v>409</v>
      </c>
      <c r="CF17" s="24">
        <v>749</v>
      </c>
      <c r="CG17" s="24">
        <v>545</v>
      </c>
      <c r="CH17" s="24">
        <v>363</v>
      </c>
      <c r="CI17" s="24">
        <v>0</v>
      </c>
      <c r="CJ17" s="24">
        <v>243</v>
      </c>
      <c r="CK17" s="24">
        <v>553</v>
      </c>
      <c r="CL17" s="24">
        <v>187</v>
      </c>
      <c r="CM17" s="24">
        <v>119</v>
      </c>
      <c r="CN17" s="24">
        <v>0</v>
      </c>
      <c r="CO17" s="24">
        <v>0</v>
      </c>
      <c r="CP17" s="24">
        <v>0</v>
      </c>
      <c r="CQ17" s="24">
        <v>366</v>
      </c>
      <c r="CR17" s="24">
        <v>261</v>
      </c>
      <c r="CS17" s="24">
        <v>15114</v>
      </c>
      <c r="CT17" s="24">
        <v>735</v>
      </c>
      <c r="CU17" s="24">
        <v>243</v>
      </c>
      <c r="CV17" s="24">
        <v>340</v>
      </c>
      <c r="CW17" s="24">
        <v>553</v>
      </c>
      <c r="CX17" s="24">
        <v>187</v>
      </c>
      <c r="CY17" s="24">
        <v>119</v>
      </c>
      <c r="CZ17" s="24">
        <v>0</v>
      </c>
      <c r="DA17" s="24">
        <v>49</v>
      </c>
      <c r="DB17" s="24">
        <v>0</v>
      </c>
      <c r="DC17" s="24">
        <v>0</v>
      </c>
      <c r="DD17" s="24">
        <v>192</v>
      </c>
      <c r="DE17" s="24">
        <v>0</v>
      </c>
      <c r="DF17" s="24">
        <v>2418</v>
      </c>
      <c r="DG17" s="24">
        <v>73030</v>
      </c>
    </row>
    <row r="18" spans="1:111" ht="10" customHeight="1">
      <c r="A18" s="100"/>
      <c r="B18" s="23" t="s">
        <v>15</v>
      </c>
      <c r="C18" s="21"/>
      <c r="D18" s="21"/>
      <c r="E18" s="22"/>
      <c r="F18" s="24">
        <v>14811</v>
      </c>
      <c r="G18" s="24">
        <v>4543</v>
      </c>
      <c r="H18" s="24">
        <v>2891</v>
      </c>
      <c r="I18" s="24">
        <v>5856</v>
      </c>
      <c r="J18" s="24">
        <v>1348</v>
      </c>
      <c r="K18" s="24">
        <v>1088</v>
      </c>
      <c r="L18" s="24">
        <v>6600</v>
      </c>
      <c r="M18" s="24">
        <v>1293</v>
      </c>
      <c r="N18" s="24">
        <v>2659</v>
      </c>
      <c r="O18" s="24">
        <v>1336</v>
      </c>
      <c r="P18" s="24">
        <v>1162</v>
      </c>
      <c r="Q18" s="24">
        <v>4598</v>
      </c>
      <c r="R18" s="24">
        <v>4209</v>
      </c>
      <c r="S18" s="24">
        <v>650</v>
      </c>
      <c r="T18" s="24">
        <v>1890</v>
      </c>
      <c r="U18" s="24">
        <v>3173</v>
      </c>
      <c r="V18" s="24">
        <v>2694</v>
      </c>
      <c r="W18" s="24">
        <v>2710</v>
      </c>
      <c r="X18" s="24">
        <v>2904</v>
      </c>
      <c r="Y18" s="24">
        <v>510</v>
      </c>
      <c r="Z18" s="24">
        <v>1315</v>
      </c>
      <c r="AA18" s="24">
        <v>2791</v>
      </c>
      <c r="AB18" s="24">
        <v>1417</v>
      </c>
      <c r="AC18" s="24">
        <v>674</v>
      </c>
      <c r="AD18" s="24">
        <v>945</v>
      </c>
      <c r="AE18" s="24">
        <v>2011</v>
      </c>
      <c r="AF18" s="24">
        <v>847</v>
      </c>
      <c r="AG18" s="24">
        <v>3884</v>
      </c>
      <c r="AH18" s="24">
        <v>1810</v>
      </c>
      <c r="AI18" s="24">
        <v>1626</v>
      </c>
      <c r="AJ18" s="24">
        <v>1117</v>
      </c>
      <c r="AK18" s="24">
        <v>2538</v>
      </c>
      <c r="AL18" s="24">
        <v>1067</v>
      </c>
      <c r="AM18" s="24">
        <v>1012</v>
      </c>
      <c r="AN18" s="24">
        <v>933</v>
      </c>
      <c r="AO18" s="24">
        <v>1301</v>
      </c>
      <c r="AP18" s="24">
        <v>1464</v>
      </c>
      <c r="AQ18" s="24">
        <v>1072</v>
      </c>
      <c r="AR18" s="24">
        <v>1067</v>
      </c>
      <c r="AS18" s="24">
        <v>306</v>
      </c>
      <c r="AT18" s="24">
        <v>447</v>
      </c>
      <c r="AU18" s="24">
        <v>423</v>
      </c>
      <c r="AV18" s="24">
        <v>508</v>
      </c>
      <c r="AW18" s="24">
        <v>555</v>
      </c>
      <c r="AX18" s="24">
        <v>774</v>
      </c>
      <c r="AY18" s="24">
        <v>156</v>
      </c>
      <c r="AZ18" s="24">
        <v>62</v>
      </c>
      <c r="BA18" s="24">
        <v>245</v>
      </c>
      <c r="BB18" s="24">
        <v>606</v>
      </c>
      <c r="BC18" s="24">
        <v>748</v>
      </c>
      <c r="BD18" s="24">
        <v>993</v>
      </c>
      <c r="BE18" s="24">
        <v>280</v>
      </c>
      <c r="BF18" s="24">
        <v>1918</v>
      </c>
      <c r="BG18" s="24">
        <v>1310</v>
      </c>
      <c r="BH18" s="24">
        <v>105147</v>
      </c>
      <c r="BI18" s="24">
        <v>27</v>
      </c>
      <c r="BJ18" s="24">
        <v>0</v>
      </c>
      <c r="BK18" s="24">
        <v>34</v>
      </c>
      <c r="BL18" s="24">
        <v>391</v>
      </c>
      <c r="BM18" s="24">
        <v>321</v>
      </c>
      <c r="BN18" s="24">
        <v>601</v>
      </c>
      <c r="BO18" s="24">
        <v>774</v>
      </c>
      <c r="BP18" s="24">
        <v>146</v>
      </c>
      <c r="BQ18" s="24">
        <v>76</v>
      </c>
      <c r="BR18" s="24">
        <v>34</v>
      </c>
      <c r="BS18" s="24">
        <v>255</v>
      </c>
      <c r="BT18" s="24">
        <v>483</v>
      </c>
      <c r="BU18" s="24">
        <v>3142</v>
      </c>
      <c r="BV18" s="24">
        <v>471</v>
      </c>
      <c r="BW18" s="24">
        <v>809</v>
      </c>
      <c r="BX18" s="24">
        <v>554</v>
      </c>
      <c r="BY18" s="24">
        <v>155</v>
      </c>
      <c r="BZ18" s="24">
        <v>328</v>
      </c>
      <c r="CA18" s="24">
        <v>3386</v>
      </c>
      <c r="CB18" s="24">
        <v>1636</v>
      </c>
      <c r="CC18" s="24">
        <v>424</v>
      </c>
      <c r="CD18" s="24">
        <v>864</v>
      </c>
      <c r="CE18" s="24">
        <v>14</v>
      </c>
      <c r="CF18" s="24">
        <v>21</v>
      </c>
      <c r="CG18" s="24">
        <v>396</v>
      </c>
      <c r="CH18" s="24">
        <v>24</v>
      </c>
      <c r="CI18" s="24">
        <v>124</v>
      </c>
      <c r="CJ18" s="24">
        <v>64</v>
      </c>
      <c r="CK18" s="24">
        <v>302</v>
      </c>
      <c r="CL18" s="24">
        <v>876</v>
      </c>
      <c r="CM18" s="24">
        <v>24</v>
      </c>
      <c r="CN18" s="24">
        <v>239</v>
      </c>
      <c r="CO18" s="24">
        <v>12</v>
      </c>
      <c r="CP18" s="24">
        <v>85</v>
      </c>
      <c r="CQ18" s="24">
        <v>140</v>
      </c>
      <c r="CR18" s="24">
        <v>4</v>
      </c>
      <c r="CS18" s="24">
        <v>10952</v>
      </c>
      <c r="CT18" s="24">
        <v>44405</v>
      </c>
      <c r="CU18" s="24">
        <v>2574</v>
      </c>
      <c r="CV18" s="24">
        <v>2569</v>
      </c>
      <c r="CW18" s="24">
        <v>110</v>
      </c>
      <c r="CX18" s="24">
        <v>79</v>
      </c>
      <c r="CY18" s="24">
        <v>2276</v>
      </c>
      <c r="CZ18" s="24">
        <v>5590</v>
      </c>
      <c r="DA18" s="24">
        <v>4789</v>
      </c>
      <c r="DB18" s="24">
        <v>17126</v>
      </c>
      <c r="DC18" s="24">
        <v>3706</v>
      </c>
      <c r="DD18" s="24">
        <v>166</v>
      </c>
      <c r="DE18" s="24">
        <v>8918</v>
      </c>
      <c r="DF18" s="24">
        <v>92308</v>
      </c>
      <c r="DG18" s="24">
        <v>211549</v>
      </c>
    </row>
    <row r="19" spans="1:111" ht="10" customHeight="1">
      <c r="A19" s="100"/>
      <c r="B19" s="23" t="s">
        <v>16</v>
      </c>
      <c r="C19" s="21"/>
      <c r="D19" s="21"/>
      <c r="E19" s="22"/>
      <c r="F19" s="24">
        <v>12610</v>
      </c>
      <c r="G19" s="24">
        <v>3865</v>
      </c>
      <c r="H19" s="24">
        <v>2062</v>
      </c>
      <c r="I19" s="24">
        <v>4407</v>
      </c>
      <c r="J19" s="24">
        <v>959</v>
      </c>
      <c r="K19" s="24">
        <v>1003</v>
      </c>
      <c r="L19" s="24">
        <v>3356</v>
      </c>
      <c r="M19" s="24">
        <v>1064</v>
      </c>
      <c r="N19" s="24">
        <v>1063</v>
      </c>
      <c r="O19" s="24">
        <v>1238</v>
      </c>
      <c r="P19" s="24">
        <v>1054</v>
      </c>
      <c r="Q19" s="24">
        <v>2266</v>
      </c>
      <c r="R19" s="24">
        <v>1998</v>
      </c>
      <c r="S19" s="24">
        <v>468</v>
      </c>
      <c r="T19" s="24">
        <v>1524</v>
      </c>
      <c r="U19" s="24">
        <v>1984</v>
      </c>
      <c r="V19" s="24">
        <v>2519</v>
      </c>
      <c r="W19" s="24">
        <v>2451</v>
      </c>
      <c r="X19" s="24">
        <v>2784</v>
      </c>
      <c r="Y19" s="24">
        <v>482</v>
      </c>
      <c r="Z19" s="24">
        <v>1265</v>
      </c>
      <c r="AA19" s="24">
        <v>1608</v>
      </c>
      <c r="AB19" s="24">
        <v>1102</v>
      </c>
      <c r="AC19" s="24">
        <v>628</v>
      </c>
      <c r="AD19" s="24">
        <v>770</v>
      </c>
      <c r="AE19" s="24">
        <v>1469</v>
      </c>
      <c r="AF19" s="24">
        <v>824</v>
      </c>
      <c r="AG19" s="24">
        <v>2017</v>
      </c>
      <c r="AH19" s="24">
        <v>632</v>
      </c>
      <c r="AI19" s="24">
        <v>920</v>
      </c>
      <c r="AJ19" s="24">
        <v>854</v>
      </c>
      <c r="AK19" s="24">
        <v>1413</v>
      </c>
      <c r="AL19" s="24">
        <v>669</v>
      </c>
      <c r="AM19" s="24">
        <v>397</v>
      </c>
      <c r="AN19" s="24">
        <v>713</v>
      </c>
      <c r="AO19" s="24">
        <v>681</v>
      </c>
      <c r="AP19" s="24">
        <v>952</v>
      </c>
      <c r="AQ19" s="24">
        <v>506</v>
      </c>
      <c r="AR19" s="24">
        <v>531</v>
      </c>
      <c r="AS19" s="24">
        <v>306</v>
      </c>
      <c r="AT19" s="24">
        <v>280</v>
      </c>
      <c r="AU19" s="24">
        <v>304</v>
      </c>
      <c r="AV19" s="24">
        <v>496</v>
      </c>
      <c r="AW19" s="24">
        <v>325</v>
      </c>
      <c r="AX19" s="24">
        <v>99</v>
      </c>
      <c r="AY19" s="24">
        <v>156</v>
      </c>
      <c r="AZ19" s="24">
        <v>54</v>
      </c>
      <c r="BA19" s="24">
        <v>154</v>
      </c>
      <c r="BB19" s="24">
        <v>520</v>
      </c>
      <c r="BC19" s="24">
        <v>375</v>
      </c>
      <c r="BD19" s="24">
        <v>454</v>
      </c>
      <c r="BE19" s="24">
        <v>280</v>
      </c>
      <c r="BF19" s="24">
        <v>1821</v>
      </c>
      <c r="BG19" s="24">
        <v>831</v>
      </c>
      <c r="BH19" s="24">
        <v>73563</v>
      </c>
      <c r="BI19" s="24">
        <v>27</v>
      </c>
      <c r="BJ19" s="24">
        <v>0</v>
      </c>
      <c r="BK19" s="24">
        <v>34</v>
      </c>
      <c r="BL19" s="24">
        <v>251</v>
      </c>
      <c r="BM19" s="24">
        <v>108</v>
      </c>
      <c r="BN19" s="24">
        <v>388</v>
      </c>
      <c r="BO19" s="24">
        <v>116</v>
      </c>
      <c r="BP19" s="24">
        <v>124</v>
      </c>
      <c r="BQ19" s="24">
        <v>76</v>
      </c>
      <c r="BR19" s="24">
        <v>27</v>
      </c>
      <c r="BS19" s="24">
        <v>82</v>
      </c>
      <c r="BT19" s="24">
        <v>448</v>
      </c>
      <c r="BU19" s="24">
        <v>1681</v>
      </c>
      <c r="BV19" s="24">
        <v>471</v>
      </c>
      <c r="BW19" s="24">
        <v>137</v>
      </c>
      <c r="BX19" s="24">
        <v>554</v>
      </c>
      <c r="BY19" s="24">
        <v>155</v>
      </c>
      <c r="BZ19" s="24">
        <v>197</v>
      </c>
      <c r="CA19" s="24">
        <v>2619</v>
      </c>
      <c r="CB19" s="24">
        <v>1636</v>
      </c>
      <c r="CC19" s="24">
        <v>133</v>
      </c>
      <c r="CD19" s="24">
        <v>42</v>
      </c>
      <c r="CE19" s="24">
        <v>14</v>
      </c>
      <c r="CF19" s="24">
        <v>21</v>
      </c>
      <c r="CG19" s="24">
        <v>61</v>
      </c>
      <c r="CH19" s="24">
        <v>24</v>
      </c>
      <c r="CI19" s="24">
        <v>124</v>
      </c>
      <c r="CJ19" s="24">
        <v>64</v>
      </c>
      <c r="CK19" s="24">
        <v>302</v>
      </c>
      <c r="CL19" s="24">
        <v>773</v>
      </c>
      <c r="CM19" s="24">
        <v>24</v>
      </c>
      <c r="CN19" s="24">
        <v>239</v>
      </c>
      <c r="CO19" s="24">
        <v>12</v>
      </c>
      <c r="CP19" s="24">
        <v>85</v>
      </c>
      <c r="CQ19" s="24">
        <v>140</v>
      </c>
      <c r="CR19" s="24">
        <v>4</v>
      </c>
      <c r="CS19" s="24">
        <v>7831</v>
      </c>
      <c r="CT19" s="24">
        <v>31</v>
      </c>
      <c r="CU19" s="24">
        <v>2574</v>
      </c>
      <c r="CV19" s="24">
        <v>2648</v>
      </c>
      <c r="CW19" s="24">
        <v>110</v>
      </c>
      <c r="CX19" s="24">
        <v>1</v>
      </c>
      <c r="CY19" s="24">
        <v>2276</v>
      </c>
      <c r="CZ19" s="24">
        <v>5590</v>
      </c>
      <c r="DA19" s="24">
        <v>433</v>
      </c>
      <c r="DB19" s="24">
        <v>17126</v>
      </c>
      <c r="DC19" s="24">
        <v>3706</v>
      </c>
      <c r="DD19" s="24">
        <v>166</v>
      </c>
      <c r="DE19" s="24">
        <v>8918</v>
      </c>
      <c r="DF19" s="24">
        <v>43579</v>
      </c>
      <c r="DG19" s="24">
        <v>126654</v>
      </c>
    </row>
    <row r="20" spans="1:111" ht="10" customHeight="1">
      <c r="A20" s="101"/>
      <c r="B20" s="23" t="s">
        <v>17</v>
      </c>
      <c r="C20" s="21"/>
      <c r="D20" s="21"/>
      <c r="E20" s="22"/>
      <c r="F20" s="24">
        <v>12610</v>
      </c>
      <c r="G20" s="24">
        <v>3865</v>
      </c>
      <c r="H20" s="24">
        <v>2062</v>
      </c>
      <c r="I20" s="24">
        <v>4407</v>
      </c>
      <c r="J20" s="24">
        <v>959</v>
      </c>
      <c r="K20" s="24">
        <v>978</v>
      </c>
      <c r="L20" s="24">
        <v>3356</v>
      </c>
      <c r="M20" s="24">
        <v>1064</v>
      </c>
      <c r="N20" s="24">
        <v>1063</v>
      </c>
      <c r="O20" s="24">
        <v>1238</v>
      </c>
      <c r="P20" s="24">
        <v>1054</v>
      </c>
      <c r="Q20" s="24">
        <v>2266</v>
      </c>
      <c r="R20" s="24">
        <v>1998</v>
      </c>
      <c r="S20" s="24">
        <v>468</v>
      </c>
      <c r="T20" s="24">
        <v>1524</v>
      </c>
      <c r="U20" s="24">
        <v>1984</v>
      </c>
      <c r="V20" s="24">
        <v>2519</v>
      </c>
      <c r="W20" s="24">
        <v>2451</v>
      </c>
      <c r="X20" s="24">
        <v>2784</v>
      </c>
      <c r="Y20" s="24">
        <v>482</v>
      </c>
      <c r="Z20" s="24">
        <v>1265</v>
      </c>
      <c r="AA20" s="24">
        <v>1608</v>
      </c>
      <c r="AB20" s="24">
        <v>1102</v>
      </c>
      <c r="AC20" s="24">
        <v>628</v>
      </c>
      <c r="AD20" s="24">
        <v>770</v>
      </c>
      <c r="AE20" s="24">
        <v>1469</v>
      </c>
      <c r="AF20" s="24">
        <v>824</v>
      </c>
      <c r="AG20" s="24">
        <v>2017</v>
      </c>
      <c r="AH20" s="24">
        <v>632</v>
      </c>
      <c r="AI20" s="24">
        <v>920</v>
      </c>
      <c r="AJ20" s="24">
        <v>854</v>
      </c>
      <c r="AK20" s="24">
        <v>1413</v>
      </c>
      <c r="AL20" s="24">
        <v>669</v>
      </c>
      <c r="AM20" s="24">
        <v>397</v>
      </c>
      <c r="AN20" s="24">
        <v>713</v>
      </c>
      <c r="AO20" s="24">
        <v>681</v>
      </c>
      <c r="AP20" s="24">
        <v>952</v>
      </c>
      <c r="AQ20" s="24">
        <v>506</v>
      </c>
      <c r="AR20" s="24">
        <v>531</v>
      </c>
      <c r="AS20" s="24">
        <v>306</v>
      </c>
      <c r="AT20" s="24">
        <v>280</v>
      </c>
      <c r="AU20" s="24">
        <v>304</v>
      </c>
      <c r="AV20" s="24">
        <v>496</v>
      </c>
      <c r="AW20" s="24">
        <v>325</v>
      </c>
      <c r="AX20" s="24">
        <v>99</v>
      </c>
      <c r="AY20" s="24">
        <v>156</v>
      </c>
      <c r="AZ20" s="24">
        <v>54</v>
      </c>
      <c r="BA20" s="24">
        <v>154</v>
      </c>
      <c r="BB20" s="24">
        <v>520</v>
      </c>
      <c r="BC20" s="24">
        <v>375</v>
      </c>
      <c r="BD20" s="24">
        <v>454</v>
      </c>
      <c r="BE20" s="24">
        <v>280</v>
      </c>
      <c r="BF20" s="24">
        <v>1821</v>
      </c>
      <c r="BG20" s="24">
        <v>831</v>
      </c>
      <c r="BH20" s="24">
        <v>73538</v>
      </c>
      <c r="BI20" s="24">
        <v>27</v>
      </c>
      <c r="BJ20" s="24">
        <v>0</v>
      </c>
      <c r="BK20" s="24">
        <v>34</v>
      </c>
      <c r="BL20" s="24">
        <v>251</v>
      </c>
      <c r="BM20" s="24">
        <v>108</v>
      </c>
      <c r="BN20" s="24">
        <v>388</v>
      </c>
      <c r="BO20" s="24">
        <v>116</v>
      </c>
      <c r="BP20" s="24">
        <v>124</v>
      </c>
      <c r="BQ20" s="24">
        <v>76</v>
      </c>
      <c r="BR20" s="24">
        <v>27</v>
      </c>
      <c r="BS20" s="24">
        <v>82</v>
      </c>
      <c r="BT20" s="24">
        <v>448</v>
      </c>
      <c r="BU20" s="24">
        <v>1681</v>
      </c>
      <c r="BV20" s="24">
        <v>471</v>
      </c>
      <c r="BW20" s="24">
        <v>137</v>
      </c>
      <c r="BX20" s="24">
        <v>554</v>
      </c>
      <c r="BY20" s="24">
        <v>155</v>
      </c>
      <c r="BZ20" s="24">
        <v>197</v>
      </c>
      <c r="CA20" s="24">
        <v>2619</v>
      </c>
      <c r="CB20" s="24">
        <v>1636</v>
      </c>
      <c r="CC20" s="24">
        <v>133</v>
      </c>
      <c r="CD20" s="24">
        <v>42</v>
      </c>
      <c r="CE20" s="24">
        <v>14</v>
      </c>
      <c r="CF20" s="24">
        <v>21</v>
      </c>
      <c r="CG20" s="24">
        <v>61</v>
      </c>
      <c r="CH20" s="24">
        <v>24</v>
      </c>
      <c r="CI20" s="24">
        <v>124</v>
      </c>
      <c r="CJ20" s="24">
        <v>64</v>
      </c>
      <c r="CK20" s="24">
        <v>302</v>
      </c>
      <c r="CL20" s="24">
        <v>773</v>
      </c>
      <c r="CM20" s="24">
        <v>24</v>
      </c>
      <c r="CN20" s="24">
        <v>239</v>
      </c>
      <c r="CO20" s="24">
        <v>12</v>
      </c>
      <c r="CP20" s="24">
        <v>85</v>
      </c>
      <c r="CQ20" s="24">
        <v>140</v>
      </c>
      <c r="CR20" s="24">
        <v>4</v>
      </c>
      <c r="CS20" s="24">
        <v>7831</v>
      </c>
      <c r="CT20" s="24">
        <v>31</v>
      </c>
      <c r="CU20" s="24">
        <v>2574</v>
      </c>
      <c r="CV20" s="24">
        <v>2648</v>
      </c>
      <c r="CW20" s="24">
        <v>110</v>
      </c>
      <c r="CX20" s="24">
        <v>1</v>
      </c>
      <c r="CY20" s="24">
        <v>2276</v>
      </c>
      <c r="CZ20" s="24">
        <v>5590</v>
      </c>
      <c r="DA20" s="24">
        <v>433</v>
      </c>
      <c r="DB20" s="24">
        <v>17126</v>
      </c>
      <c r="DC20" s="24">
        <v>3706</v>
      </c>
      <c r="DD20" s="24">
        <v>166</v>
      </c>
      <c r="DE20" s="24">
        <v>8918</v>
      </c>
      <c r="DF20" s="24">
        <v>43579</v>
      </c>
      <c r="DG20" s="24">
        <v>126629</v>
      </c>
    </row>
    <row r="21" spans="1:111" ht="10" customHeight="1">
      <c r="A21" s="92" t="s">
        <v>23</v>
      </c>
      <c r="B21" s="93"/>
      <c r="C21" s="93"/>
      <c r="D21" s="93"/>
      <c r="E21" s="94"/>
      <c r="F21" s="24">
        <v>3556</v>
      </c>
      <c r="G21" s="24">
        <v>964</v>
      </c>
      <c r="H21" s="24">
        <v>561</v>
      </c>
      <c r="I21" s="24">
        <v>1300</v>
      </c>
      <c r="J21" s="24">
        <v>261</v>
      </c>
      <c r="K21" s="24">
        <v>214</v>
      </c>
      <c r="L21" s="24">
        <v>1332</v>
      </c>
      <c r="M21" s="24">
        <v>292</v>
      </c>
      <c r="N21" s="24">
        <v>295</v>
      </c>
      <c r="O21" s="24">
        <v>345</v>
      </c>
      <c r="P21" s="24">
        <v>303</v>
      </c>
      <c r="Q21" s="24">
        <v>626</v>
      </c>
      <c r="R21" s="24">
        <v>542</v>
      </c>
      <c r="S21" s="24">
        <v>134</v>
      </c>
      <c r="T21" s="24">
        <v>439</v>
      </c>
      <c r="U21" s="24">
        <v>638</v>
      </c>
      <c r="V21" s="24">
        <v>799</v>
      </c>
      <c r="W21" s="24">
        <v>712</v>
      </c>
      <c r="X21" s="24">
        <v>1083</v>
      </c>
      <c r="Y21" s="24">
        <v>181</v>
      </c>
      <c r="Z21" s="24">
        <v>332</v>
      </c>
      <c r="AA21" s="24">
        <v>483</v>
      </c>
      <c r="AB21" s="24">
        <v>448</v>
      </c>
      <c r="AC21" s="24">
        <v>228</v>
      </c>
      <c r="AD21" s="24">
        <v>158</v>
      </c>
      <c r="AE21" s="24">
        <v>736</v>
      </c>
      <c r="AF21" s="24">
        <v>275</v>
      </c>
      <c r="AG21" s="24">
        <v>456</v>
      </c>
      <c r="AH21" s="24">
        <v>196</v>
      </c>
      <c r="AI21" s="24">
        <v>285</v>
      </c>
      <c r="AJ21" s="24">
        <v>336</v>
      </c>
      <c r="AK21" s="24">
        <v>451</v>
      </c>
      <c r="AL21" s="24">
        <v>217</v>
      </c>
      <c r="AM21" s="24">
        <v>108</v>
      </c>
      <c r="AN21" s="24">
        <v>214</v>
      </c>
      <c r="AO21" s="24">
        <v>245</v>
      </c>
      <c r="AP21" s="24">
        <v>290</v>
      </c>
      <c r="AQ21" s="24">
        <v>151</v>
      </c>
      <c r="AR21" s="24">
        <v>196</v>
      </c>
      <c r="AS21" s="24">
        <v>67</v>
      </c>
      <c r="AT21" s="24">
        <v>62</v>
      </c>
      <c r="AU21" s="24">
        <v>79</v>
      </c>
      <c r="AV21" s="24">
        <v>109</v>
      </c>
      <c r="AW21" s="24">
        <v>75</v>
      </c>
      <c r="AX21" s="24">
        <v>32</v>
      </c>
      <c r="AY21" s="24">
        <v>23</v>
      </c>
      <c r="AZ21" s="24">
        <v>8</v>
      </c>
      <c r="BA21" s="24">
        <v>35</v>
      </c>
      <c r="BB21" s="24">
        <v>78</v>
      </c>
      <c r="BC21" s="24">
        <v>144</v>
      </c>
      <c r="BD21" s="24">
        <v>130</v>
      </c>
      <c r="BE21" s="24">
        <v>100</v>
      </c>
      <c r="BF21" s="24">
        <v>641</v>
      </c>
      <c r="BG21" s="24">
        <v>235</v>
      </c>
      <c r="BH21" s="24">
        <v>22200</v>
      </c>
      <c r="BI21" s="24">
        <v>6</v>
      </c>
      <c r="BJ21" s="24">
        <v>0</v>
      </c>
      <c r="BK21" s="24">
        <v>9</v>
      </c>
      <c r="BL21" s="24">
        <v>53</v>
      </c>
      <c r="BM21" s="24">
        <v>24</v>
      </c>
      <c r="BN21" s="24">
        <v>48</v>
      </c>
      <c r="BO21" s="24">
        <v>32</v>
      </c>
      <c r="BP21" s="24">
        <v>29</v>
      </c>
      <c r="BQ21" s="24">
        <v>18</v>
      </c>
      <c r="BR21" s="24">
        <v>10</v>
      </c>
      <c r="BS21" s="24">
        <v>14</v>
      </c>
      <c r="BT21" s="24">
        <v>85</v>
      </c>
      <c r="BU21" s="24">
        <v>328</v>
      </c>
      <c r="BV21" s="24">
        <v>122</v>
      </c>
      <c r="BW21" s="24">
        <v>36</v>
      </c>
      <c r="BX21" s="24">
        <v>161</v>
      </c>
      <c r="BY21" s="24">
        <v>31</v>
      </c>
      <c r="BZ21" s="24">
        <v>34</v>
      </c>
      <c r="CA21" s="24">
        <v>247</v>
      </c>
      <c r="CB21" s="24">
        <v>128</v>
      </c>
      <c r="CC21" s="24">
        <v>38</v>
      </c>
      <c r="CD21" s="24">
        <v>4</v>
      </c>
      <c r="CE21" s="24">
        <v>7</v>
      </c>
      <c r="CF21" s="24">
        <v>6</v>
      </c>
      <c r="CG21" s="24">
        <v>18</v>
      </c>
      <c r="CH21" s="24">
        <v>7</v>
      </c>
      <c r="CI21" s="24">
        <v>17</v>
      </c>
      <c r="CJ21" s="24">
        <v>26</v>
      </c>
      <c r="CK21" s="24">
        <v>24</v>
      </c>
      <c r="CL21" s="24">
        <v>93</v>
      </c>
      <c r="CM21" s="24">
        <v>16</v>
      </c>
      <c r="CN21" s="24">
        <v>55</v>
      </c>
      <c r="CO21" s="24">
        <v>3</v>
      </c>
      <c r="CP21" s="24">
        <v>38</v>
      </c>
      <c r="CQ21" s="24">
        <v>10</v>
      </c>
      <c r="CR21" s="24">
        <v>2</v>
      </c>
      <c r="CS21" s="24">
        <v>1123</v>
      </c>
      <c r="CT21" s="24">
        <v>0</v>
      </c>
      <c r="CU21" s="24">
        <v>0</v>
      </c>
      <c r="CV21" s="24">
        <v>0</v>
      </c>
      <c r="CW21" s="24">
        <v>0</v>
      </c>
      <c r="CX21" s="24">
        <v>0</v>
      </c>
      <c r="CY21" s="24">
        <v>0</v>
      </c>
      <c r="CZ21" s="24">
        <v>0</v>
      </c>
      <c r="DA21" s="24">
        <v>0</v>
      </c>
      <c r="DB21" s="24">
        <v>0</v>
      </c>
      <c r="DC21" s="24">
        <v>0</v>
      </c>
      <c r="DD21" s="24">
        <v>0</v>
      </c>
      <c r="DE21" s="24">
        <v>0</v>
      </c>
      <c r="DF21" s="24">
        <v>0</v>
      </c>
      <c r="DG21" s="24">
        <v>23651</v>
      </c>
    </row>
    <row r="22" spans="1:111" ht="10" customHeight="1">
      <c r="A22" s="26"/>
      <c r="B22" s="95" t="s">
        <v>24</v>
      </c>
      <c r="C22" s="98" t="s">
        <v>25</v>
      </c>
      <c r="D22" s="90"/>
      <c r="E22" s="91"/>
      <c r="F22" s="24">
        <v>2836</v>
      </c>
      <c r="G22" s="24">
        <v>695</v>
      </c>
      <c r="H22" s="24">
        <v>425</v>
      </c>
      <c r="I22" s="24">
        <v>892</v>
      </c>
      <c r="J22" s="24">
        <v>122</v>
      </c>
      <c r="K22" s="24">
        <v>121</v>
      </c>
      <c r="L22" s="24">
        <v>805</v>
      </c>
      <c r="M22" s="24">
        <v>171</v>
      </c>
      <c r="N22" s="24">
        <v>278</v>
      </c>
      <c r="O22" s="24">
        <v>295</v>
      </c>
      <c r="P22" s="24">
        <v>202</v>
      </c>
      <c r="Q22" s="24">
        <v>603</v>
      </c>
      <c r="R22" s="24">
        <v>508</v>
      </c>
      <c r="S22" s="24">
        <v>134</v>
      </c>
      <c r="T22" s="24">
        <v>417</v>
      </c>
      <c r="U22" s="24">
        <v>548</v>
      </c>
      <c r="V22" s="24">
        <v>704</v>
      </c>
      <c r="W22" s="24">
        <v>670</v>
      </c>
      <c r="X22" s="24">
        <v>931</v>
      </c>
      <c r="Y22" s="24">
        <v>36</v>
      </c>
      <c r="Z22" s="24">
        <v>210</v>
      </c>
      <c r="AA22" s="24">
        <v>418</v>
      </c>
      <c r="AB22" s="24">
        <v>243</v>
      </c>
      <c r="AC22" s="24">
        <v>139</v>
      </c>
      <c r="AD22" s="24">
        <v>126</v>
      </c>
      <c r="AE22" s="24">
        <v>419</v>
      </c>
      <c r="AF22" s="24">
        <v>243</v>
      </c>
      <c r="AG22" s="24">
        <v>401</v>
      </c>
      <c r="AH22" s="24">
        <v>188</v>
      </c>
      <c r="AI22" s="24">
        <v>270</v>
      </c>
      <c r="AJ22" s="24">
        <v>278</v>
      </c>
      <c r="AK22" s="24">
        <v>442</v>
      </c>
      <c r="AL22" s="24">
        <v>201</v>
      </c>
      <c r="AM22" s="24">
        <v>106</v>
      </c>
      <c r="AN22" s="24">
        <v>208</v>
      </c>
      <c r="AO22" s="24">
        <v>200</v>
      </c>
      <c r="AP22" s="24">
        <v>268</v>
      </c>
      <c r="AQ22" s="24">
        <v>141</v>
      </c>
      <c r="AR22" s="24">
        <v>175</v>
      </c>
      <c r="AS22" s="24">
        <v>67</v>
      </c>
      <c r="AT22" s="24">
        <v>62</v>
      </c>
      <c r="AU22" s="24">
        <v>79</v>
      </c>
      <c r="AV22" s="24">
        <v>109</v>
      </c>
      <c r="AW22" s="24">
        <v>61</v>
      </c>
      <c r="AX22" s="24">
        <v>26</v>
      </c>
      <c r="AY22" s="24">
        <v>23</v>
      </c>
      <c r="AZ22" s="24">
        <v>8</v>
      </c>
      <c r="BA22" s="24">
        <v>34</v>
      </c>
      <c r="BB22" s="24">
        <v>78</v>
      </c>
      <c r="BC22" s="24">
        <v>125</v>
      </c>
      <c r="BD22" s="24">
        <v>116</v>
      </c>
      <c r="BE22" s="24">
        <v>89</v>
      </c>
      <c r="BF22" s="24">
        <v>497</v>
      </c>
      <c r="BG22" s="24">
        <v>235</v>
      </c>
      <c r="BH22" s="24">
        <v>17678</v>
      </c>
      <c r="BI22" s="24">
        <v>6</v>
      </c>
      <c r="BJ22" s="24">
        <v>0</v>
      </c>
      <c r="BK22" s="24">
        <v>9</v>
      </c>
      <c r="BL22" s="24">
        <v>53</v>
      </c>
      <c r="BM22" s="24">
        <v>24</v>
      </c>
      <c r="BN22" s="24">
        <v>48</v>
      </c>
      <c r="BO22" s="24">
        <v>31</v>
      </c>
      <c r="BP22" s="24">
        <v>29</v>
      </c>
      <c r="BQ22" s="24">
        <v>18</v>
      </c>
      <c r="BR22" s="24">
        <v>10</v>
      </c>
      <c r="BS22" s="24">
        <v>14</v>
      </c>
      <c r="BT22" s="24">
        <v>85</v>
      </c>
      <c r="BU22" s="24">
        <v>327</v>
      </c>
      <c r="BV22" s="24">
        <v>122</v>
      </c>
      <c r="BW22" s="24">
        <v>36</v>
      </c>
      <c r="BX22" s="24">
        <v>161</v>
      </c>
      <c r="BY22" s="24">
        <v>31</v>
      </c>
      <c r="BZ22" s="24">
        <v>34</v>
      </c>
      <c r="CA22" s="24">
        <v>247</v>
      </c>
      <c r="CB22" s="24">
        <v>128</v>
      </c>
      <c r="CC22" s="24">
        <v>38</v>
      </c>
      <c r="CD22" s="24">
        <v>4</v>
      </c>
      <c r="CE22" s="24">
        <v>7</v>
      </c>
      <c r="CF22" s="24">
        <v>6</v>
      </c>
      <c r="CG22" s="24">
        <v>18</v>
      </c>
      <c r="CH22" s="24">
        <v>7</v>
      </c>
      <c r="CI22" s="24">
        <v>17</v>
      </c>
      <c r="CJ22" s="24">
        <v>26</v>
      </c>
      <c r="CK22" s="24">
        <v>24</v>
      </c>
      <c r="CL22" s="24">
        <v>93</v>
      </c>
      <c r="CM22" s="24">
        <v>16</v>
      </c>
      <c r="CN22" s="24">
        <v>55</v>
      </c>
      <c r="CO22" s="24">
        <v>3</v>
      </c>
      <c r="CP22" s="24">
        <v>38</v>
      </c>
      <c r="CQ22" s="24">
        <v>10</v>
      </c>
      <c r="CR22" s="24">
        <v>2</v>
      </c>
      <c r="CS22" s="24">
        <v>1123</v>
      </c>
      <c r="CT22" s="24">
        <v>0</v>
      </c>
      <c r="CU22" s="24">
        <v>0</v>
      </c>
      <c r="CV22" s="24">
        <v>0</v>
      </c>
      <c r="CW22" s="24">
        <v>0</v>
      </c>
      <c r="CX22" s="24">
        <v>0</v>
      </c>
      <c r="CY22" s="24">
        <v>0</v>
      </c>
      <c r="CZ22" s="24">
        <v>0</v>
      </c>
      <c r="DA22" s="24">
        <v>0</v>
      </c>
      <c r="DB22" s="24">
        <v>0</v>
      </c>
      <c r="DC22" s="24">
        <v>0</v>
      </c>
      <c r="DD22" s="24">
        <v>0</v>
      </c>
      <c r="DE22" s="24">
        <v>0</v>
      </c>
      <c r="DF22" s="24">
        <v>0</v>
      </c>
      <c r="DG22" s="24">
        <v>19128</v>
      </c>
    </row>
    <row r="23" spans="1:111" ht="10" customHeight="1">
      <c r="A23" s="26"/>
      <c r="B23" s="96"/>
      <c r="C23" s="98" t="s">
        <v>26</v>
      </c>
      <c r="D23" s="90"/>
      <c r="E23" s="91"/>
      <c r="F23" s="24">
        <v>212</v>
      </c>
      <c r="G23" s="24">
        <v>118</v>
      </c>
      <c r="H23" s="24">
        <v>75</v>
      </c>
      <c r="I23" s="24">
        <v>33</v>
      </c>
      <c r="J23" s="24">
        <v>0</v>
      </c>
      <c r="K23" s="24">
        <v>8</v>
      </c>
      <c r="L23" s="24">
        <v>324</v>
      </c>
      <c r="M23" s="24">
        <v>27</v>
      </c>
      <c r="N23" s="24">
        <v>17</v>
      </c>
      <c r="O23" s="24">
        <v>50</v>
      </c>
      <c r="P23" s="24">
        <v>66</v>
      </c>
      <c r="Q23" s="24">
        <v>23</v>
      </c>
      <c r="R23" s="24">
        <v>34</v>
      </c>
      <c r="S23" s="24">
        <v>0</v>
      </c>
      <c r="T23" s="24">
        <v>22</v>
      </c>
      <c r="U23" s="24">
        <v>90</v>
      </c>
      <c r="V23" s="24">
        <v>57</v>
      </c>
      <c r="W23" s="24">
        <v>42</v>
      </c>
      <c r="X23" s="24">
        <v>152</v>
      </c>
      <c r="Y23" s="24">
        <v>4</v>
      </c>
      <c r="Z23" s="24">
        <v>20</v>
      </c>
      <c r="AA23" s="24">
        <v>65</v>
      </c>
      <c r="AB23" s="24">
        <v>205</v>
      </c>
      <c r="AC23" s="24">
        <v>89</v>
      </c>
      <c r="AD23" s="24">
        <v>32</v>
      </c>
      <c r="AE23" s="24">
        <v>317</v>
      </c>
      <c r="AF23" s="24">
        <v>32</v>
      </c>
      <c r="AG23" s="24">
        <v>20</v>
      </c>
      <c r="AH23" s="24">
        <v>8</v>
      </c>
      <c r="AI23" s="24">
        <v>15</v>
      </c>
      <c r="AJ23" s="24">
        <v>58</v>
      </c>
      <c r="AK23" s="24">
        <v>9</v>
      </c>
      <c r="AL23" s="24">
        <v>16</v>
      </c>
      <c r="AM23" s="24">
        <v>2</v>
      </c>
      <c r="AN23" s="24">
        <v>6</v>
      </c>
      <c r="AO23" s="24">
        <v>45</v>
      </c>
      <c r="AP23" s="24">
        <v>22</v>
      </c>
      <c r="AQ23" s="24">
        <v>10</v>
      </c>
      <c r="AR23" s="24">
        <v>21</v>
      </c>
      <c r="AS23" s="24">
        <v>0</v>
      </c>
      <c r="AT23" s="24">
        <v>0</v>
      </c>
      <c r="AU23" s="24">
        <v>0</v>
      </c>
      <c r="AV23" s="24">
        <v>0</v>
      </c>
      <c r="AW23" s="24">
        <v>14</v>
      </c>
      <c r="AX23" s="24">
        <v>6</v>
      </c>
      <c r="AY23" s="24">
        <v>0</v>
      </c>
      <c r="AZ23" s="24">
        <v>0</v>
      </c>
      <c r="BA23" s="24">
        <v>1</v>
      </c>
      <c r="BB23" s="24">
        <v>0</v>
      </c>
      <c r="BC23" s="24">
        <v>19</v>
      </c>
      <c r="BD23" s="24">
        <v>14</v>
      </c>
      <c r="BE23" s="24">
        <v>11</v>
      </c>
      <c r="BF23" s="24">
        <v>144</v>
      </c>
      <c r="BG23" s="24">
        <v>0</v>
      </c>
      <c r="BH23" s="24">
        <v>2555</v>
      </c>
      <c r="BI23" s="24">
        <v>0</v>
      </c>
      <c r="BJ23" s="24">
        <v>0</v>
      </c>
      <c r="BK23" s="24">
        <v>0</v>
      </c>
      <c r="BL23" s="24">
        <v>0</v>
      </c>
      <c r="BM23" s="24">
        <v>0</v>
      </c>
      <c r="BN23" s="24">
        <v>0</v>
      </c>
      <c r="BO23" s="24">
        <v>1</v>
      </c>
      <c r="BP23" s="24">
        <v>0</v>
      </c>
      <c r="BQ23" s="24">
        <v>0</v>
      </c>
      <c r="BR23" s="24">
        <v>0</v>
      </c>
      <c r="BS23" s="24">
        <v>0</v>
      </c>
      <c r="BT23" s="24">
        <v>0</v>
      </c>
      <c r="BU23" s="24">
        <v>1</v>
      </c>
      <c r="BV23" s="24">
        <v>0</v>
      </c>
      <c r="BW23" s="24">
        <v>0</v>
      </c>
      <c r="BX23" s="24">
        <v>0</v>
      </c>
      <c r="BY23" s="24">
        <v>0</v>
      </c>
      <c r="BZ23" s="24">
        <v>0</v>
      </c>
      <c r="CA23" s="24">
        <v>0</v>
      </c>
      <c r="CB23" s="24">
        <v>0</v>
      </c>
      <c r="CC23" s="24">
        <v>0</v>
      </c>
      <c r="CD23" s="24">
        <v>0</v>
      </c>
      <c r="CE23" s="24">
        <v>0</v>
      </c>
      <c r="CF23" s="24">
        <v>0</v>
      </c>
      <c r="CG23" s="24">
        <v>0</v>
      </c>
      <c r="CH23" s="24">
        <v>0</v>
      </c>
      <c r="CI23" s="24">
        <v>0</v>
      </c>
      <c r="CJ23" s="24">
        <v>0</v>
      </c>
      <c r="CK23" s="24">
        <v>0</v>
      </c>
      <c r="CL23" s="24">
        <v>0</v>
      </c>
      <c r="CM23" s="24">
        <v>0</v>
      </c>
      <c r="CN23" s="24">
        <v>0</v>
      </c>
      <c r="CO23" s="24">
        <v>0</v>
      </c>
      <c r="CP23" s="24">
        <v>0</v>
      </c>
      <c r="CQ23" s="24">
        <v>0</v>
      </c>
      <c r="CR23" s="24">
        <v>0</v>
      </c>
      <c r="CS23" s="24">
        <v>0</v>
      </c>
      <c r="CT23" s="24">
        <v>0</v>
      </c>
      <c r="CU23" s="24">
        <v>0</v>
      </c>
      <c r="CV23" s="24">
        <v>0</v>
      </c>
      <c r="CW23" s="24">
        <v>0</v>
      </c>
      <c r="CX23" s="24">
        <v>0</v>
      </c>
      <c r="CY23" s="24">
        <v>0</v>
      </c>
      <c r="CZ23" s="24">
        <v>0</v>
      </c>
      <c r="DA23" s="24">
        <v>0</v>
      </c>
      <c r="DB23" s="24">
        <v>0</v>
      </c>
      <c r="DC23" s="24">
        <v>0</v>
      </c>
      <c r="DD23" s="24">
        <v>0</v>
      </c>
      <c r="DE23" s="24">
        <v>0</v>
      </c>
      <c r="DF23" s="24">
        <v>0</v>
      </c>
      <c r="DG23" s="24">
        <v>2556</v>
      </c>
    </row>
    <row r="24" spans="1:111" ht="10" customHeight="1">
      <c r="A24" s="26"/>
      <c r="B24" s="97"/>
      <c r="C24" s="98" t="s">
        <v>27</v>
      </c>
      <c r="D24" s="90"/>
      <c r="E24" s="91"/>
      <c r="F24" s="24">
        <v>508</v>
      </c>
      <c r="G24" s="24">
        <v>151</v>
      </c>
      <c r="H24" s="24">
        <v>61</v>
      </c>
      <c r="I24" s="24">
        <v>375</v>
      </c>
      <c r="J24" s="24">
        <v>139</v>
      </c>
      <c r="K24" s="24">
        <v>85</v>
      </c>
      <c r="L24" s="24">
        <v>203</v>
      </c>
      <c r="M24" s="24">
        <v>94</v>
      </c>
      <c r="N24" s="24">
        <v>0</v>
      </c>
      <c r="O24" s="24">
        <v>0</v>
      </c>
      <c r="P24" s="24">
        <v>35</v>
      </c>
      <c r="Q24" s="24">
        <v>0</v>
      </c>
      <c r="R24" s="24">
        <v>0</v>
      </c>
      <c r="S24" s="24">
        <v>0</v>
      </c>
      <c r="T24" s="24">
        <v>0</v>
      </c>
      <c r="U24" s="24">
        <v>0</v>
      </c>
      <c r="V24" s="24">
        <v>38</v>
      </c>
      <c r="W24" s="24">
        <v>0</v>
      </c>
      <c r="X24" s="24">
        <v>0</v>
      </c>
      <c r="Y24" s="24">
        <v>141</v>
      </c>
      <c r="Z24" s="24">
        <v>102</v>
      </c>
      <c r="AA24" s="24">
        <v>0</v>
      </c>
      <c r="AB24" s="24">
        <v>0</v>
      </c>
      <c r="AC24" s="24">
        <v>0</v>
      </c>
      <c r="AD24" s="24">
        <v>0</v>
      </c>
      <c r="AE24" s="24">
        <v>0</v>
      </c>
      <c r="AF24" s="24">
        <v>0</v>
      </c>
      <c r="AG24" s="24">
        <v>35</v>
      </c>
      <c r="AH24" s="24">
        <v>0</v>
      </c>
      <c r="AI24" s="24">
        <v>0</v>
      </c>
      <c r="AJ24" s="24">
        <v>0</v>
      </c>
      <c r="AK24" s="24">
        <v>0</v>
      </c>
      <c r="AL24" s="24">
        <v>0</v>
      </c>
      <c r="AM24" s="24">
        <v>0</v>
      </c>
      <c r="AN24" s="24">
        <v>0</v>
      </c>
      <c r="AO24" s="24">
        <v>0</v>
      </c>
      <c r="AP24" s="24">
        <v>0</v>
      </c>
      <c r="AQ24" s="24">
        <v>0</v>
      </c>
      <c r="AR24" s="24">
        <v>0</v>
      </c>
      <c r="AS24" s="24">
        <v>0</v>
      </c>
      <c r="AT24" s="24">
        <v>0</v>
      </c>
      <c r="AU24" s="24">
        <v>0</v>
      </c>
      <c r="AV24" s="24">
        <v>0</v>
      </c>
      <c r="AW24" s="24">
        <v>0</v>
      </c>
      <c r="AX24" s="24">
        <v>0</v>
      </c>
      <c r="AY24" s="24">
        <v>0</v>
      </c>
      <c r="AZ24" s="24">
        <v>0</v>
      </c>
      <c r="BA24" s="24">
        <v>0</v>
      </c>
      <c r="BB24" s="24">
        <v>0</v>
      </c>
      <c r="BC24" s="24">
        <v>0</v>
      </c>
      <c r="BD24" s="24">
        <v>0</v>
      </c>
      <c r="BE24" s="24">
        <v>0</v>
      </c>
      <c r="BF24" s="24">
        <v>0</v>
      </c>
      <c r="BG24" s="24">
        <v>0</v>
      </c>
      <c r="BH24" s="24">
        <v>1967</v>
      </c>
      <c r="BI24" s="24">
        <v>0</v>
      </c>
      <c r="BJ24" s="24">
        <v>0</v>
      </c>
      <c r="BK24" s="24">
        <v>0</v>
      </c>
      <c r="BL24" s="24">
        <v>0</v>
      </c>
      <c r="BM24" s="24">
        <v>0</v>
      </c>
      <c r="BN24" s="24">
        <v>0</v>
      </c>
      <c r="BO24" s="24">
        <v>0</v>
      </c>
      <c r="BP24" s="24">
        <v>0</v>
      </c>
      <c r="BQ24" s="24">
        <v>0</v>
      </c>
      <c r="BR24" s="24">
        <v>0</v>
      </c>
      <c r="BS24" s="24">
        <v>0</v>
      </c>
      <c r="BT24" s="24">
        <v>0</v>
      </c>
      <c r="BU24" s="24">
        <v>0</v>
      </c>
      <c r="BV24" s="24">
        <v>0</v>
      </c>
      <c r="BW24" s="24">
        <v>0</v>
      </c>
      <c r="BX24" s="24">
        <v>0</v>
      </c>
      <c r="BY24" s="24">
        <v>0</v>
      </c>
      <c r="BZ24" s="24">
        <v>0</v>
      </c>
      <c r="CA24" s="24">
        <v>0</v>
      </c>
      <c r="CB24" s="24">
        <v>0</v>
      </c>
      <c r="CC24" s="24">
        <v>0</v>
      </c>
      <c r="CD24" s="24">
        <v>0</v>
      </c>
      <c r="CE24" s="24">
        <v>0</v>
      </c>
      <c r="CF24" s="24">
        <v>0</v>
      </c>
      <c r="CG24" s="24">
        <v>0</v>
      </c>
      <c r="CH24" s="24">
        <v>0</v>
      </c>
      <c r="CI24" s="24">
        <v>0</v>
      </c>
      <c r="CJ24" s="24">
        <v>0</v>
      </c>
      <c r="CK24" s="24">
        <v>0</v>
      </c>
      <c r="CL24" s="24">
        <v>0</v>
      </c>
      <c r="CM24" s="24">
        <v>0</v>
      </c>
      <c r="CN24" s="24">
        <v>0</v>
      </c>
      <c r="CO24" s="24">
        <v>0</v>
      </c>
      <c r="CP24" s="24">
        <v>0</v>
      </c>
      <c r="CQ24" s="24">
        <v>0</v>
      </c>
      <c r="CR24" s="24">
        <v>0</v>
      </c>
      <c r="CS24" s="24">
        <v>0</v>
      </c>
      <c r="CT24" s="24">
        <v>0</v>
      </c>
      <c r="CU24" s="24">
        <v>0</v>
      </c>
      <c r="CV24" s="24">
        <v>0</v>
      </c>
      <c r="CW24" s="24">
        <v>0</v>
      </c>
      <c r="CX24" s="24">
        <v>0</v>
      </c>
      <c r="CY24" s="24">
        <v>0</v>
      </c>
      <c r="CZ24" s="24">
        <v>0</v>
      </c>
      <c r="DA24" s="24">
        <v>0</v>
      </c>
      <c r="DB24" s="24">
        <v>0</v>
      </c>
      <c r="DC24" s="24">
        <v>0</v>
      </c>
      <c r="DD24" s="24">
        <v>0</v>
      </c>
      <c r="DE24" s="24">
        <v>0</v>
      </c>
      <c r="DF24" s="24">
        <v>0</v>
      </c>
      <c r="DG24" s="24">
        <v>1967</v>
      </c>
    </row>
    <row r="25" spans="1:111" ht="10" customHeight="1">
      <c r="A25" s="26"/>
      <c r="B25" s="95" t="s">
        <v>28</v>
      </c>
      <c r="C25" s="98" t="s">
        <v>25</v>
      </c>
      <c r="D25" s="90"/>
      <c r="E25" s="91"/>
      <c r="F25" s="24">
        <v>0</v>
      </c>
      <c r="G25" s="24">
        <v>0</v>
      </c>
      <c r="H25" s="24">
        <v>0</v>
      </c>
      <c r="I25" s="24">
        <v>0</v>
      </c>
      <c r="J25" s="24">
        <v>0</v>
      </c>
      <c r="K25" s="24">
        <v>0</v>
      </c>
      <c r="L25" s="24">
        <v>0</v>
      </c>
      <c r="M25" s="24">
        <v>0</v>
      </c>
      <c r="N25" s="24">
        <v>0</v>
      </c>
      <c r="O25" s="24">
        <v>0</v>
      </c>
      <c r="P25" s="24">
        <v>0</v>
      </c>
      <c r="Q25" s="24">
        <v>0</v>
      </c>
      <c r="R25" s="24">
        <v>0</v>
      </c>
      <c r="S25" s="24">
        <v>0</v>
      </c>
      <c r="T25" s="24">
        <v>0</v>
      </c>
      <c r="U25" s="24">
        <v>0</v>
      </c>
      <c r="V25" s="24">
        <v>0</v>
      </c>
      <c r="W25" s="24">
        <v>0</v>
      </c>
      <c r="X25" s="24">
        <v>0</v>
      </c>
      <c r="Y25" s="24">
        <v>0</v>
      </c>
      <c r="Z25" s="24">
        <v>0</v>
      </c>
      <c r="AA25" s="24">
        <v>0</v>
      </c>
      <c r="AB25" s="24">
        <v>0</v>
      </c>
      <c r="AC25" s="24">
        <v>0</v>
      </c>
      <c r="AD25" s="24">
        <v>0</v>
      </c>
      <c r="AE25" s="24">
        <v>0</v>
      </c>
      <c r="AF25" s="24">
        <v>0</v>
      </c>
      <c r="AG25" s="24">
        <v>0</v>
      </c>
      <c r="AH25" s="24">
        <v>0</v>
      </c>
      <c r="AI25" s="24">
        <v>0</v>
      </c>
      <c r="AJ25" s="24">
        <v>0</v>
      </c>
      <c r="AK25" s="24">
        <v>0</v>
      </c>
      <c r="AL25" s="24">
        <v>0</v>
      </c>
      <c r="AM25" s="24">
        <v>0</v>
      </c>
      <c r="AN25" s="24">
        <v>0</v>
      </c>
      <c r="AO25" s="24">
        <v>0</v>
      </c>
      <c r="AP25" s="24">
        <v>0</v>
      </c>
      <c r="AQ25" s="24">
        <v>0</v>
      </c>
      <c r="AR25" s="24">
        <v>0</v>
      </c>
      <c r="AS25" s="24">
        <v>0</v>
      </c>
      <c r="AT25" s="24">
        <v>0</v>
      </c>
      <c r="AU25" s="24">
        <v>0</v>
      </c>
      <c r="AV25" s="24">
        <v>0</v>
      </c>
      <c r="AW25" s="24">
        <v>0</v>
      </c>
      <c r="AX25" s="24">
        <v>0</v>
      </c>
      <c r="AY25" s="24">
        <v>0</v>
      </c>
      <c r="AZ25" s="24">
        <v>0</v>
      </c>
      <c r="BA25" s="24">
        <v>0</v>
      </c>
      <c r="BB25" s="24">
        <v>0</v>
      </c>
      <c r="BC25" s="24">
        <v>0</v>
      </c>
      <c r="BD25" s="24">
        <v>0</v>
      </c>
      <c r="BE25" s="24">
        <v>0</v>
      </c>
      <c r="BF25" s="24">
        <v>0</v>
      </c>
      <c r="BG25" s="24">
        <v>0</v>
      </c>
      <c r="BH25" s="24">
        <v>0</v>
      </c>
      <c r="BI25" s="24">
        <v>0</v>
      </c>
      <c r="BJ25" s="24">
        <v>0</v>
      </c>
      <c r="BK25" s="24">
        <v>0</v>
      </c>
      <c r="BL25" s="24">
        <v>0</v>
      </c>
      <c r="BM25" s="24">
        <v>0</v>
      </c>
      <c r="BN25" s="24">
        <v>0</v>
      </c>
      <c r="BO25" s="24">
        <v>0</v>
      </c>
      <c r="BP25" s="24">
        <v>0</v>
      </c>
      <c r="BQ25" s="24">
        <v>0</v>
      </c>
      <c r="BR25" s="24">
        <v>0</v>
      </c>
      <c r="BS25" s="24">
        <v>0</v>
      </c>
      <c r="BT25" s="24">
        <v>0</v>
      </c>
      <c r="BU25" s="24">
        <v>0</v>
      </c>
      <c r="BV25" s="24">
        <v>0</v>
      </c>
      <c r="BW25" s="24">
        <v>0</v>
      </c>
      <c r="BX25" s="24">
        <v>0</v>
      </c>
      <c r="BY25" s="24">
        <v>0</v>
      </c>
      <c r="BZ25" s="24">
        <v>0</v>
      </c>
      <c r="CA25" s="24">
        <v>0</v>
      </c>
      <c r="CB25" s="24">
        <v>0</v>
      </c>
      <c r="CC25" s="24">
        <v>0</v>
      </c>
      <c r="CD25" s="24">
        <v>0</v>
      </c>
      <c r="CE25" s="24">
        <v>0</v>
      </c>
      <c r="CF25" s="24">
        <v>0</v>
      </c>
      <c r="CG25" s="24">
        <v>0</v>
      </c>
      <c r="CH25" s="24">
        <v>0</v>
      </c>
      <c r="CI25" s="24">
        <v>0</v>
      </c>
      <c r="CJ25" s="24">
        <v>0</v>
      </c>
      <c r="CK25" s="24">
        <v>0</v>
      </c>
      <c r="CL25" s="24">
        <v>0</v>
      </c>
      <c r="CM25" s="24">
        <v>0</v>
      </c>
      <c r="CN25" s="24">
        <v>0</v>
      </c>
      <c r="CO25" s="24">
        <v>0</v>
      </c>
      <c r="CP25" s="24">
        <v>0</v>
      </c>
      <c r="CQ25" s="24">
        <v>0</v>
      </c>
      <c r="CR25" s="24">
        <v>0</v>
      </c>
      <c r="CS25" s="24">
        <v>0</v>
      </c>
      <c r="CT25" s="24">
        <v>0</v>
      </c>
      <c r="CU25" s="24">
        <v>0</v>
      </c>
      <c r="CV25" s="24">
        <v>0</v>
      </c>
      <c r="CW25" s="24">
        <v>0</v>
      </c>
      <c r="CX25" s="24">
        <v>0</v>
      </c>
      <c r="CY25" s="24">
        <v>0</v>
      </c>
      <c r="CZ25" s="24">
        <v>0</v>
      </c>
      <c r="DA25" s="24">
        <v>0</v>
      </c>
      <c r="DB25" s="24">
        <v>0</v>
      </c>
      <c r="DC25" s="24">
        <v>0</v>
      </c>
      <c r="DD25" s="24">
        <v>0</v>
      </c>
      <c r="DE25" s="24">
        <v>0</v>
      </c>
      <c r="DF25" s="24">
        <v>0</v>
      </c>
      <c r="DG25" s="24">
        <v>0</v>
      </c>
    </row>
    <row r="26" spans="1:111" ht="10" customHeight="1">
      <c r="A26" s="26"/>
      <c r="B26" s="96"/>
      <c r="C26" s="98" t="s">
        <v>26</v>
      </c>
      <c r="D26" s="90"/>
      <c r="E26" s="91"/>
      <c r="F26" s="24">
        <v>0</v>
      </c>
      <c r="G26" s="24">
        <v>0</v>
      </c>
      <c r="H26" s="24">
        <v>0</v>
      </c>
      <c r="I26" s="24">
        <v>0</v>
      </c>
      <c r="J26" s="24">
        <v>0</v>
      </c>
      <c r="K26" s="24">
        <v>0</v>
      </c>
      <c r="L26" s="24">
        <v>0</v>
      </c>
      <c r="M26" s="24">
        <v>0</v>
      </c>
      <c r="N26" s="24">
        <v>0</v>
      </c>
      <c r="O26" s="24">
        <v>0</v>
      </c>
      <c r="P26" s="24">
        <v>1</v>
      </c>
      <c r="Q26" s="24">
        <v>0</v>
      </c>
      <c r="R26" s="24">
        <v>0</v>
      </c>
      <c r="S26" s="24">
        <v>0</v>
      </c>
      <c r="T26" s="24">
        <v>0</v>
      </c>
      <c r="U26" s="24">
        <v>0</v>
      </c>
      <c r="V26" s="24">
        <v>0</v>
      </c>
      <c r="W26" s="24">
        <v>0</v>
      </c>
      <c r="X26" s="24">
        <v>0</v>
      </c>
      <c r="Y26" s="24">
        <v>0</v>
      </c>
      <c r="Z26" s="24">
        <v>0</v>
      </c>
      <c r="AA26" s="24">
        <v>0</v>
      </c>
      <c r="AB26" s="24">
        <v>0</v>
      </c>
      <c r="AC26" s="24">
        <v>0</v>
      </c>
      <c r="AD26" s="24">
        <v>0</v>
      </c>
      <c r="AE26" s="24">
        <v>0</v>
      </c>
      <c r="AF26" s="24">
        <v>0</v>
      </c>
      <c r="AG26" s="24">
        <v>0</v>
      </c>
      <c r="AH26" s="24">
        <v>0</v>
      </c>
      <c r="AI26" s="24">
        <v>0</v>
      </c>
      <c r="AJ26" s="24">
        <v>0</v>
      </c>
      <c r="AK26" s="24">
        <v>0</v>
      </c>
      <c r="AL26" s="24">
        <v>0</v>
      </c>
      <c r="AM26" s="24">
        <v>0</v>
      </c>
      <c r="AN26" s="24">
        <v>0</v>
      </c>
      <c r="AO26" s="24">
        <v>0</v>
      </c>
      <c r="AP26" s="24">
        <v>0</v>
      </c>
      <c r="AQ26" s="24">
        <v>0</v>
      </c>
      <c r="AR26" s="24">
        <v>0</v>
      </c>
      <c r="AS26" s="24">
        <v>0</v>
      </c>
      <c r="AT26" s="24">
        <v>0</v>
      </c>
      <c r="AU26" s="24">
        <v>0</v>
      </c>
      <c r="AV26" s="24">
        <v>0</v>
      </c>
      <c r="AW26" s="24">
        <v>0</v>
      </c>
      <c r="AX26" s="24">
        <v>0</v>
      </c>
      <c r="AY26" s="24">
        <v>0</v>
      </c>
      <c r="AZ26" s="24">
        <v>0</v>
      </c>
      <c r="BA26" s="24">
        <v>0</v>
      </c>
      <c r="BB26" s="24">
        <v>0</v>
      </c>
      <c r="BC26" s="24">
        <v>0</v>
      </c>
      <c r="BD26" s="24">
        <v>0</v>
      </c>
      <c r="BE26" s="24">
        <v>0</v>
      </c>
      <c r="BF26" s="24">
        <v>0</v>
      </c>
      <c r="BG26" s="24">
        <v>0</v>
      </c>
      <c r="BH26" s="24">
        <v>1</v>
      </c>
      <c r="BI26" s="24">
        <v>0</v>
      </c>
      <c r="BJ26" s="24">
        <v>0</v>
      </c>
      <c r="BK26" s="24">
        <v>0</v>
      </c>
      <c r="BL26" s="24">
        <v>0</v>
      </c>
      <c r="BM26" s="24">
        <v>0</v>
      </c>
      <c r="BN26" s="24">
        <v>0</v>
      </c>
      <c r="BO26" s="24">
        <v>0</v>
      </c>
      <c r="BP26" s="24">
        <v>0</v>
      </c>
      <c r="BQ26" s="24">
        <v>0</v>
      </c>
      <c r="BR26" s="24">
        <v>0</v>
      </c>
      <c r="BS26" s="24">
        <v>0</v>
      </c>
      <c r="BT26" s="24">
        <v>0</v>
      </c>
      <c r="BU26" s="24">
        <v>0</v>
      </c>
      <c r="BV26" s="24">
        <v>0</v>
      </c>
      <c r="BW26" s="24">
        <v>0</v>
      </c>
      <c r="BX26" s="24">
        <v>0</v>
      </c>
      <c r="BY26" s="24">
        <v>0</v>
      </c>
      <c r="BZ26" s="24">
        <v>0</v>
      </c>
      <c r="CA26" s="24">
        <v>0</v>
      </c>
      <c r="CB26" s="24">
        <v>0</v>
      </c>
      <c r="CC26" s="24">
        <v>0</v>
      </c>
      <c r="CD26" s="24">
        <v>0</v>
      </c>
      <c r="CE26" s="24">
        <v>0</v>
      </c>
      <c r="CF26" s="24">
        <v>0</v>
      </c>
      <c r="CG26" s="24">
        <v>0</v>
      </c>
      <c r="CH26" s="24">
        <v>0</v>
      </c>
      <c r="CI26" s="24">
        <v>0</v>
      </c>
      <c r="CJ26" s="24">
        <v>0</v>
      </c>
      <c r="CK26" s="24">
        <v>0</v>
      </c>
      <c r="CL26" s="24">
        <v>0</v>
      </c>
      <c r="CM26" s="24">
        <v>0</v>
      </c>
      <c r="CN26" s="24">
        <v>0</v>
      </c>
      <c r="CO26" s="24">
        <v>0</v>
      </c>
      <c r="CP26" s="24">
        <v>0</v>
      </c>
      <c r="CQ26" s="24">
        <v>0</v>
      </c>
      <c r="CR26" s="24">
        <v>0</v>
      </c>
      <c r="CS26" s="24">
        <v>0</v>
      </c>
      <c r="CT26" s="24">
        <v>0</v>
      </c>
      <c r="CU26" s="24">
        <v>0</v>
      </c>
      <c r="CV26" s="24">
        <v>0</v>
      </c>
      <c r="CW26" s="24">
        <v>0</v>
      </c>
      <c r="CX26" s="24">
        <v>0</v>
      </c>
      <c r="CY26" s="24">
        <v>0</v>
      </c>
      <c r="CZ26" s="24">
        <v>0</v>
      </c>
      <c r="DA26" s="24">
        <v>0</v>
      </c>
      <c r="DB26" s="24">
        <v>0</v>
      </c>
      <c r="DC26" s="24">
        <v>0</v>
      </c>
      <c r="DD26" s="24">
        <v>0</v>
      </c>
      <c r="DE26" s="24">
        <v>0</v>
      </c>
      <c r="DF26" s="24">
        <v>0</v>
      </c>
      <c r="DG26" s="24">
        <v>1</v>
      </c>
    </row>
    <row r="27" spans="1:111" ht="10" customHeight="1">
      <c r="A27" s="27"/>
      <c r="B27" s="97"/>
      <c r="C27" s="98" t="s">
        <v>27</v>
      </c>
      <c r="D27" s="90"/>
      <c r="E27" s="91"/>
      <c r="F27" s="24">
        <v>0</v>
      </c>
      <c r="G27" s="24">
        <v>0</v>
      </c>
      <c r="H27" s="24">
        <v>0</v>
      </c>
      <c r="I27" s="24">
        <v>0</v>
      </c>
      <c r="J27" s="24">
        <v>0</v>
      </c>
      <c r="K27" s="24">
        <v>0</v>
      </c>
      <c r="L27" s="24">
        <v>0</v>
      </c>
      <c r="M27" s="24">
        <v>0</v>
      </c>
      <c r="N27" s="24">
        <v>0</v>
      </c>
      <c r="O27" s="24">
        <v>0</v>
      </c>
      <c r="P27" s="24">
        <v>0</v>
      </c>
      <c r="Q27" s="24">
        <v>0</v>
      </c>
      <c r="R27" s="24">
        <v>0</v>
      </c>
      <c r="S27" s="24">
        <v>0</v>
      </c>
      <c r="T27" s="24">
        <v>0</v>
      </c>
      <c r="U27" s="24">
        <v>0</v>
      </c>
      <c r="V27" s="24">
        <v>0</v>
      </c>
      <c r="W27" s="24">
        <v>0</v>
      </c>
      <c r="X27" s="24">
        <v>0</v>
      </c>
      <c r="Y27" s="24">
        <v>0</v>
      </c>
      <c r="Z27" s="24">
        <v>0</v>
      </c>
      <c r="AA27" s="24">
        <v>0</v>
      </c>
      <c r="AB27" s="24">
        <v>0</v>
      </c>
      <c r="AC27" s="24">
        <v>0</v>
      </c>
      <c r="AD27" s="24">
        <v>0</v>
      </c>
      <c r="AE27" s="24">
        <v>0</v>
      </c>
      <c r="AF27" s="24">
        <v>0</v>
      </c>
      <c r="AG27" s="24">
        <v>0</v>
      </c>
      <c r="AH27" s="24">
        <v>0</v>
      </c>
      <c r="AI27" s="24">
        <v>0</v>
      </c>
      <c r="AJ27" s="24">
        <v>0</v>
      </c>
      <c r="AK27" s="24">
        <v>0</v>
      </c>
      <c r="AL27" s="24">
        <v>0</v>
      </c>
      <c r="AM27" s="24">
        <v>0</v>
      </c>
      <c r="AN27" s="24">
        <v>0</v>
      </c>
      <c r="AO27" s="24">
        <v>0</v>
      </c>
      <c r="AP27" s="24">
        <v>0</v>
      </c>
      <c r="AQ27" s="24">
        <v>0</v>
      </c>
      <c r="AR27" s="24">
        <v>0</v>
      </c>
      <c r="AS27" s="24">
        <v>0</v>
      </c>
      <c r="AT27" s="24">
        <v>0</v>
      </c>
      <c r="AU27" s="24">
        <v>0</v>
      </c>
      <c r="AV27" s="24">
        <v>0</v>
      </c>
      <c r="AW27" s="24">
        <v>0</v>
      </c>
      <c r="AX27" s="24">
        <v>0</v>
      </c>
      <c r="AY27" s="24">
        <v>0</v>
      </c>
      <c r="AZ27" s="24">
        <v>0</v>
      </c>
      <c r="BA27" s="24">
        <v>0</v>
      </c>
      <c r="BB27" s="24">
        <v>0</v>
      </c>
      <c r="BC27" s="24">
        <v>0</v>
      </c>
      <c r="BD27" s="24">
        <v>0</v>
      </c>
      <c r="BE27" s="24">
        <v>0</v>
      </c>
      <c r="BF27" s="24">
        <v>0</v>
      </c>
      <c r="BG27" s="24">
        <v>0</v>
      </c>
      <c r="BH27" s="24">
        <v>0</v>
      </c>
      <c r="BI27" s="24">
        <v>0</v>
      </c>
      <c r="BJ27" s="24">
        <v>0</v>
      </c>
      <c r="BK27" s="24">
        <v>0</v>
      </c>
      <c r="BL27" s="24">
        <v>0</v>
      </c>
      <c r="BM27" s="24">
        <v>0</v>
      </c>
      <c r="BN27" s="24">
        <v>0</v>
      </c>
      <c r="BO27" s="24">
        <v>0</v>
      </c>
      <c r="BP27" s="24">
        <v>0</v>
      </c>
      <c r="BQ27" s="24">
        <v>0</v>
      </c>
      <c r="BR27" s="24">
        <v>0</v>
      </c>
      <c r="BS27" s="24">
        <v>0</v>
      </c>
      <c r="BT27" s="24">
        <v>0</v>
      </c>
      <c r="BU27" s="24">
        <v>0</v>
      </c>
      <c r="BV27" s="24">
        <v>0</v>
      </c>
      <c r="BW27" s="24">
        <v>0</v>
      </c>
      <c r="BX27" s="24">
        <v>0</v>
      </c>
      <c r="BY27" s="24">
        <v>0</v>
      </c>
      <c r="BZ27" s="24">
        <v>0</v>
      </c>
      <c r="CA27" s="24">
        <v>0</v>
      </c>
      <c r="CB27" s="24">
        <v>0</v>
      </c>
      <c r="CC27" s="24">
        <v>0</v>
      </c>
      <c r="CD27" s="24">
        <v>0</v>
      </c>
      <c r="CE27" s="24">
        <v>0</v>
      </c>
      <c r="CF27" s="24">
        <v>0</v>
      </c>
      <c r="CG27" s="24">
        <v>0</v>
      </c>
      <c r="CH27" s="24">
        <v>0</v>
      </c>
      <c r="CI27" s="24">
        <v>0</v>
      </c>
      <c r="CJ27" s="24">
        <v>0</v>
      </c>
      <c r="CK27" s="24">
        <v>0</v>
      </c>
      <c r="CL27" s="24">
        <v>0</v>
      </c>
      <c r="CM27" s="24">
        <v>0</v>
      </c>
      <c r="CN27" s="24">
        <v>0</v>
      </c>
      <c r="CO27" s="24">
        <v>0</v>
      </c>
      <c r="CP27" s="24">
        <v>0</v>
      </c>
      <c r="CQ27" s="24">
        <v>0</v>
      </c>
      <c r="CR27" s="24">
        <v>0</v>
      </c>
      <c r="CS27" s="24">
        <v>0</v>
      </c>
      <c r="CT27" s="24">
        <v>0</v>
      </c>
      <c r="CU27" s="24">
        <v>0</v>
      </c>
      <c r="CV27" s="24">
        <v>0</v>
      </c>
      <c r="CW27" s="24">
        <v>0</v>
      </c>
      <c r="CX27" s="24">
        <v>0</v>
      </c>
      <c r="CY27" s="24">
        <v>0</v>
      </c>
      <c r="CZ27" s="24">
        <v>0</v>
      </c>
      <c r="DA27" s="24">
        <v>0</v>
      </c>
      <c r="DB27" s="24">
        <v>0</v>
      </c>
      <c r="DC27" s="24">
        <v>0</v>
      </c>
      <c r="DD27" s="24">
        <v>0</v>
      </c>
      <c r="DE27" s="24">
        <v>0</v>
      </c>
      <c r="DF27" s="24">
        <v>0</v>
      </c>
      <c r="DG27" s="24">
        <v>0</v>
      </c>
    </row>
    <row r="28" spans="1:111" ht="10" customHeight="1">
      <c r="A28" s="99" t="s">
        <v>29</v>
      </c>
      <c r="B28" s="114" t="s">
        <v>30</v>
      </c>
      <c r="C28" s="93"/>
      <c r="D28" s="93"/>
      <c r="E28" s="94"/>
      <c r="F28" s="24">
        <v>0</v>
      </c>
      <c r="G28" s="24">
        <v>0</v>
      </c>
      <c r="H28" s="24">
        <v>1</v>
      </c>
      <c r="I28" s="24">
        <v>0</v>
      </c>
      <c r="J28" s="24">
        <v>0</v>
      </c>
      <c r="K28" s="24">
        <v>1</v>
      </c>
      <c r="L28" s="24">
        <v>0</v>
      </c>
      <c r="M28" s="24">
        <v>1</v>
      </c>
      <c r="N28" s="24">
        <v>1</v>
      </c>
      <c r="O28" s="24">
        <v>0</v>
      </c>
      <c r="P28" s="24">
        <v>2</v>
      </c>
      <c r="Q28" s="24">
        <v>0</v>
      </c>
      <c r="R28" s="24">
        <v>0</v>
      </c>
      <c r="S28" s="24">
        <v>1</v>
      </c>
      <c r="T28" s="24">
        <v>0</v>
      </c>
      <c r="U28" s="24">
        <v>2</v>
      </c>
      <c r="V28" s="24">
        <v>0</v>
      </c>
      <c r="W28" s="24">
        <v>0</v>
      </c>
      <c r="X28" s="24">
        <v>0</v>
      </c>
      <c r="Y28" s="24">
        <v>0</v>
      </c>
      <c r="Z28" s="24">
        <v>0</v>
      </c>
      <c r="AA28" s="24">
        <v>0</v>
      </c>
      <c r="AB28" s="24">
        <v>0</v>
      </c>
      <c r="AC28" s="24">
        <v>0</v>
      </c>
      <c r="AD28" s="24">
        <v>0</v>
      </c>
      <c r="AE28" s="24">
        <v>0</v>
      </c>
      <c r="AF28" s="24">
        <v>0</v>
      </c>
      <c r="AG28" s="24">
        <v>0</v>
      </c>
      <c r="AH28" s="24">
        <v>0</v>
      </c>
      <c r="AI28" s="24">
        <v>0</v>
      </c>
      <c r="AJ28" s="24">
        <v>0</v>
      </c>
      <c r="AK28" s="24">
        <v>0</v>
      </c>
      <c r="AL28" s="24">
        <v>0</v>
      </c>
      <c r="AM28" s="24">
        <v>0</v>
      </c>
      <c r="AN28" s="24">
        <v>1</v>
      </c>
      <c r="AO28" s="24">
        <v>0</v>
      </c>
      <c r="AP28" s="24">
        <v>0</v>
      </c>
      <c r="AQ28" s="24">
        <v>0</v>
      </c>
      <c r="AR28" s="24">
        <v>0</v>
      </c>
      <c r="AS28" s="24">
        <v>0</v>
      </c>
      <c r="AT28" s="24">
        <v>0</v>
      </c>
      <c r="AU28" s="24">
        <v>0</v>
      </c>
      <c r="AV28" s="24">
        <v>0</v>
      </c>
      <c r="AW28" s="24">
        <v>0</v>
      </c>
      <c r="AX28" s="24">
        <v>0</v>
      </c>
      <c r="AY28" s="24">
        <v>0</v>
      </c>
      <c r="AZ28" s="24">
        <v>0</v>
      </c>
      <c r="BA28" s="24">
        <v>0</v>
      </c>
      <c r="BB28" s="24">
        <v>0</v>
      </c>
      <c r="BC28" s="24">
        <v>0</v>
      </c>
      <c r="BD28" s="24">
        <v>0</v>
      </c>
      <c r="BE28" s="24">
        <v>0</v>
      </c>
      <c r="BF28" s="24">
        <v>2</v>
      </c>
      <c r="BG28" s="24">
        <v>1</v>
      </c>
      <c r="BH28" s="24">
        <v>13</v>
      </c>
      <c r="BI28" s="24">
        <v>1</v>
      </c>
      <c r="BJ28" s="24">
        <v>0</v>
      </c>
      <c r="BK28" s="24">
        <v>0</v>
      </c>
      <c r="BL28" s="24">
        <v>0</v>
      </c>
      <c r="BM28" s="24">
        <v>0</v>
      </c>
      <c r="BN28" s="24">
        <v>0</v>
      </c>
      <c r="BO28" s="24">
        <v>0</v>
      </c>
      <c r="BP28" s="24">
        <v>1</v>
      </c>
      <c r="BQ28" s="24">
        <v>1</v>
      </c>
      <c r="BR28" s="24">
        <v>0</v>
      </c>
      <c r="BS28" s="24">
        <v>0</v>
      </c>
      <c r="BT28" s="24">
        <v>1</v>
      </c>
      <c r="BU28" s="24">
        <v>4</v>
      </c>
      <c r="BV28" s="24">
        <v>17</v>
      </c>
      <c r="BW28" s="24">
        <v>6</v>
      </c>
      <c r="BX28" s="24">
        <v>16</v>
      </c>
      <c r="BY28" s="24">
        <v>5</v>
      </c>
      <c r="BZ28" s="24">
        <v>4</v>
      </c>
      <c r="CA28" s="24">
        <v>23</v>
      </c>
      <c r="CB28" s="24">
        <v>17</v>
      </c>
      <c r="CC28" s="24">
        <v>4</v>
      </c>
      <c r="CD28" s="24">
        <v>1</v>
      </c>
      <c r="CE28" s="24">
        <v>1</v>
      </c>
      <c r="CF28" s="24">
        <v>1</v>
      </c>
      <c r="CG28" s="24">
        <v>2</v>
      </c>
      <c r="CH28" s="24">
        <v>2</v>
      </c>
      <c r="CI28" s="24">
        <v>7</v>
      </c>
      <c r="CJ28" s="24">
        <v>4</v>
      </c>
      <c r="CK28" s="24">
        <v>3</v>
      </c>
      <c r="CL28" s="24">
        <v>7</v>
      </c>
      <c r="CM28" s="24">
        <v>1</v>
      </c>
      <c r="CN28" s="24">
        <v>5</v>
      </c>
      <c r="CO28" s="24">
        <v>1</v>
      </c>
      <c r="CP28" s="24">
        <v>3</v>
      </c>
      <c r="CQ28" s="24">
        <v>1</v>
      </c>
      <c r="CR28" s="24">
        <v>1</v>
      </c>
      <c r="CS28" s="24">
        <v>132</v>
      </c>
      <c r="CT28" s="24"/>
      <c r="CU28" s="24"/>
      <c r="CV28" s="24"/>
      <c r="CW28" s="24"/>
      <c r="CX28" s="24"/>
      <c r="CY28" s="24"/>
      <c r="CZ28" s="24"/>
      <c r="DA28" s="24"/>
      <c r="DB28" s="24"/>
      <c r="DC28" s="24"/>
      <c r="DD28" s="24"/>
      <c r="DE28" s="24"/>
      <c r="DF28" s="24"/>
      <c r="DG28" s="24">
        <v>149</v>
      </c>
    </row>
    <row r="29" spans="1:111" ht="10" customHeight="1">
      <c r="A29" s="100"/>
      <c r="B29" s="98" t="s">
        <v>31</v>
      </c>
      <c r="C29" s="90"/>
      <c r="D29" s="90"/>
      <c r="E29" s="91"/>
      <c r="F29" s="24">
        <v>23000</v>
      </c>
      <c r="G29" s="24">
        <v>0</v>
      </c>
      <c r="H29" s="24">
        <v>4300</v>
      </c>
      <c r="I29" s="24">
        <v>0</v>
      </c>
      <c r="J29" s="24">
        <v>0</v>
      </c>
      <c r="K29" s="24">
        <v>39800</v>
      </c>
      <c r="L29" s="24">
        <v>0</v>
      </c>
      <c r="M29" s="24">
        <v>33800</v>
      </c>
      <c r="N29" s="24">
        <v>33100</v>
      </c>
      <c r="O29" s="24">
        <v>0</v>
      </c>
      <c r="P29" s="24">
        <v>31650</v>
      </c>
      <c r="Q29" s="24">
        <v>0</v>
      </c>
      <c r="R29" s="24">
        <v>0</v>
      </c>
      <c r="S29" s="24">
        <v>11380</v>
      </c>
      <c r="T29" s="24">
        <v>0</v>
      </c>
      <c r="U29" s="24">
        <v>44820</v>
      </c>
      <c r="V29" s="24">
        <v>0</v>
      </c>
      <c r="W29" s="24">
        <v>0</v>
      </c>
      <c r="X29" s="24">
        <v>0</v>
      </c>
      <c r="Y29" s="24">
        <v>0</v>
      </c>
      <c r="Z29" s="24">
        <v>0</v>
      </c>
      <c r="AA29" s="24">
        <v>0</v>
      </c>
      <c r="AB29" s="24">
        <v>0</v>
      </c>
      <c r="AC29" s="24">
        <v>0</v>
      </c>
      <c r="AD29" s="24">
        <v>0</v>
      </c>
      <c r="AE29" s="24">
        <v>0</v>
      </c>
      <c r="AF29" s="24">
        <v>0</v>
      </c>
      <c r="AG29" s="24">
        <v>0</v>
      </c>
      <c r="AH29" s="24">
        <v>0</v>
      </c>
      <c r="AI29" s="24">
        <v>0</v>
      </c>
      <c r="AJ29" s="24">
        <v>0</v>
      </c>
      <c r="AK29" s="24">
        <v>0</v>
      </c>
      <c r="AL29" s="24">
        <v>0</v>
      </c>
      <c r="AM29" s="24">
        <v>0</v>
      </c>
      <c r="AN29" s="24">
        <v>18360</v>
      </c>
      <c r="AO29" s="24">
        <v>0</v>
      </c>
      <c r="AP29" s="24">
        <v>0</v>
      </c>
      <c r="AQ29" s="24">
        <v>0</v>
      </c>
      <c r="AR29" s="24">
        <v>0</v>
      </c>
      <c r="AS29" s="24">
        <v>0</v>
      </c>
      <c r="AT29" s="24">
        <v>0</v>
      </c>
      <c r="AU29" s="24">
        <v>0</v>
      </c>
      <c r="AV29" s="24">
        <v>0</v>
      </c>
      <c r="AW29" s="24">
        <v>0</v>
      </c>
      <c r="AX29" s="24">
        <v>0</v>
      </c>
      <c r="AY29" s="24">
        <v>0</v>
      </c>
      <c r="AZ29" s="24">
        <v>0</v>
      </c>
      <c r="BA29" s="24">
        <v>0</v>
      </c>
      <c r="BB29" s="24">
        <v>0</v>
      </c>
      <c r="BC29" s="24">
        <v>0</v>
      </c>
      <c r="BD29" s="24">
        <v>0</v>
      </c>
      <c r="BE29" s="24">
        <v>0</v>
      </c>
      <c r="BF29" s="24">
        <v>91000</v>
      </c>
      <c r="BG29" s="24">
        <v>25700</v>
      </c>
      <c r="BH29" s="24">
        <v>356910</v>
      </c>
      <c r="BI29" s="24">
        <v>372</v>
      </c>
      <c r="BJ29" s="24">
        <v>0</v>
      </c>
      <c r="BK29" s="24">
        <v>0</v>
      </c>
      <c r="BL29" s="24">
        <v>0</v>
      </c>
      <c r="BM29" s="24">
        <v>0</v>
      </c>
      <c r="BN29" s="24">
        <v>0</v>
      </c>
      <c r="BO29" s="24">
        <v>0</v>
      </c>
      <c r="BP29" s="24">
        <v>1400</v>
      </c>
      <c r="BQ29" s="24">
        <v>900</v>
      </c>
      <c r="BR29" s="24">
        <v>0</v>
      </c>
      <c r="BS29" s="24">
        <v>0</v>
      </c>
      <c r="BT29" s="24">
        <v>3950</v>
      </c>
      <c r="BU29" s="24"/>
      <c r="BV29" s="24">
        <v>3722</v>
      </c>
      <c r="BW29" s="24">
        <v>1088</v>
      </c>
      <c r="BX29" s="24">
        <v>4797</v>
      </c>
      <c r="BY29" s="24">
        <v>1071</v>
      </c>
      <c r="BZ29" s="24">
        <v>1868</v>
      </c>
      <c r="CA29" s="24">
        <v>7916</v>
      </c>
      <c r="CB29" s="24">
        <v>5360</v>
      </c>
      <c r="CC29" s="24">
        <v>1386</v>
      </c>
      <c r="CD29" s="24">
        <v>235</v>
      </c>
      <c r="CE29" s="24">
        <v>178</v>
      </c>
      <c r="CF29" s="24">
        <v>184</v>
      </c>
      <c r="CG29" s="24">
        <v>641</v>
      </c>
      <c r="CH29" s="24">
        <v>220</v>
      </c>
      <c r="CI29" s="24">
        <v>636</v>
      </c>
      <c r="CJ29" s="24">
        <v>801</v>
      </c>
      <c r="CK29" s="24">
        <v>740</v>
      </c>
      <c r="CL29" s="24">
        <v>2266</v>
      </c>
      <c r="CM29" s="24">
        <v>241</v>
      </c>
      <c r="CN29" s="24">
        <v>1829</v>
      </c>
      <c r="CO29" s="24">
        <v>127</v>
      </c>
      <c r="CP29" s="24">
        <v>1228</v>
      </c>
      <c r="CQ29" s="24">
        <v>365</v>
      </c>
      <c r="CR29" s="24">
        <v>68</v>
      </c>
      <c r="CS29" s="24"/>
      <c r="CT29" s="24">
        <v>3028</v>
      </c>
      <c r="CU29" s="24">
        <v>7064</v>
      </c>
      <c r="CV29" s="24">
        <v>1136</v>
      </c>
      <c r="CW29" s="24">
        <v>1337</v>
      </c>
      <c r="CX29" s="24">
        <v>103</v>
      </c>
      <c r="CY29" s="24">
        <v>0</v>
      </c>
      <c r="CZ29" s="24">
        <v>1937</v>
      </c>
      <c r="DA29" s="24">
        <v>868</v>
      </c>
      <c r="DB29" s="24">
        <v>4967</v>
      </c>
      <c r="DC29" s="24">
        <v>921</v>
      </c>
      <c r="DD29" s="24">
        <v>83673</v>
      </c>
      <c r="DE29" s="24">
        <v>302</v>
      </c>
      <c r="DF29" s="24">
        <v>105336</v>
      </c>
      <c r="DG29" s="24"/>
    </row>
    <row r="30" spans="1:111" ht="10" customHeight="1">
      <c r="A30" s="100"/>
      <c r="B30" s="115" t="s">
        <v>32</v>
      </c>
      <c r="C30" s="83"/>
      <c r="D30" s="116"/>
      <c r="E30" s="28" t="s">
        <v>33</v>
      </c>
      <c r="F30" s="24">
        <v>23000</v>
      </c>
      <c r="G30" s="24">
        <v>0</v>
      </c>
      <c r="H30" s="24">
        <v>2150</v>
      </c>
      <c r="I30" s="24">
        <v>0</v>
      </c>
      <c r="J30" s="24">
        <v>0</v>
      </c>
      <c r="K30" s="24">
        <v>21000</v>
      </c>
      <c r="L30" s="24">
        <v>0</v>
      </c>
      <c r="M30" s="24">
        <v>33800</v>
      </c>
      <c r="N30" s="24">
        <v>24920</v>
      </c>
      <c r="O30" s="24">
        <v>0</v>
      </c>
      <c r="P30" s="24">
        <v>27850</v>
      </c>
      <c r="Q30" s="24">
        <v>0</v>
      </c>
      <c r="R30" s="24">
        <v>0</v>
      </c>
      <c r="S30" s="24">
        <v>11380</v>
      </c>
      <c r="T30" s="24">
        <v>0</v>
      </c>
      <c r="U30" s="24">
        <v>32390</v>
      </c>
      <c r="V30" s="24">
        <v>0</v>
      </c>
      <c r="W30" s="24">
        <v>0</v>
      </c>
      <c r="X30" s="24">
        <v>0</v>
      </c>
      <c r="Y30" s="24">
        <v>0</v>
      </c>
      <c r="Z30" s="24">
        <v>0</v>
      </c>
      <c r="AA30" s="24">
        <v>0</v>
      </c>
      <c r="AB30" s="24">
        <v>0</v>
      </c>
      <c r="AC30" s="24">
        <v>0</v>
      </c>
      <c r="AD30" s="24">
        <v>0</v>
      </c>
      <c r="AE30" s="24">
        <v>0</v>
      </c>
      <c r="AF30" s="24">
        <v>0</v>
      </c>
      <c r="AG30" s="24">
        <v>0</v>
      </c>
      <c r="AH30" s="24">
        <v>0</v>
      </c>
      <c r="AI30" s="24">
        <v>0</v>
      </c>
      <c r="AJ30" s="24">
        <v>0</v>
      </c>
      <c r="AK30" s="24">
        <v>0</v>
      </c>
      <c r="AL30" s="24">
        <v>0</v>
      </c>
      <c r="AM30" s="24">
        <v>0</v>
      </c>
      <c r="AN30" s="24">
        <v>18360</v>
      </c>
      <c r="AO30" s="24">
        <v>0</v>
      </c>
      <c r="AP30" s="24">
        <v>0</v>
      </c>
      <c r="AQ30" s="24">
        <v>0</v>
      </c>
      <c r="AR30" s="24">
        <v>0</v>
      </c>
      <c r="AS30" s="24">
        <v>0</v>
      </c>
      <c r="AT30" s="24">
        <v>0</v>
      </c>
      <c r="AU30" s="24">
        <v>0</v>
      </c>
      <c r="AV30" s="24">
        <v>0</v>
      </c>
      <c r="AW30" s="24">
        <v>0</v>
      </c>
      <c r="AX30" s="24">
        <v>0</v>
      </c>
      <c r="AY30" s="24">
        <v>0</v>
      </c>
      <c r="AZ30" s="24">
        <v>0</v>
      </c>
      <c r="BA30" s="24">
        <v>0</v>
      </c>
      <c r="BB30" s="24">
        <v>0</v>
      </c>
      <c r="BC30" s="24">
        <v>0</v>
      </c>
      <c r="BD30" s="24">
        <v>0</v>
      </c>
      <c r="BE30" s="24">
        <v>0</v>
      </c>
      <c r="BF30" s="24">
        <v>74700</v>
      </c>
      <c r="BG30" s="24">
        <v>25700</v>
      </c>
      <c r="BH30" s="24">
        <v>295250</v>
      </c>
      <c r="BI30" s="24">
        <v>372</v>
      </c>
      <c r="BJ30" s="24">
        <v>0</v>
      </c>
      <c r="BK30" s="24">
        <v>0</v>
      </c>
      <c r="BL30" s="24">
        <v>0</v>
      </c>
      <c r="BM30" s="24">
        <v>0</v>
      </c>
      <c r="BN30" s="24">
        <v>0</v>
      </c>
      <c r="BO30" s="24">
        <v>0</v>
      </c>
      <c r="BP30" s="24">
        <v>1400</v>
      </c>
      <c r="BQ30" s="24">
        <v>900</v>
      </c>
      <c r="BR30" s="24">
        <v>0</v>
      </c>
      <c r="BS30" s="24">
        <v>0</v>
      </c>
      <c r="BT30" s="24">
        <v>3950</v>
      </c>
      <c r="BU30" s="24"/>
      <c r="BV30" s="24">
        <v>3722</v>
      </c>
      <c r="BW30" s="24">
        <v>1088</v>
      </c>
      <c r="BX30" s="24">
        <v>4797</v>
      </c>
      <c r="BY30" s="24">
        <v>1071</v>
      </c>
      <c r="BZ30" s="24">
        <v>819</v>
      </c>
      <c r="CA30" s="24">
        <v>7916</v>
      </c>
      <c r="CB30" s="24">
        <v>5360</v>
      </c>
      <c r="CC30" s="24">
        <v>1386</v>
      </c>
      <c r="CD30" s="24">
        <v>235</v>
      </c>
      <c r="CE30" s="24">
        <v>178</v>
      </c>
      <c r="CF30" s="24">
        <v>92</v>
      </c>
      <c r="CG30" s="24">
        <v>641</v>
      </c>
      <c r="CH30" s="24">
        <v>220</v>
      </c>
      <c r="CI30" s="24">
        <v>636</v>
      </c>
      <c r="CJ30" s="24">
        <v>801</v>
      </c>
      <c r="CK30" s="24">
        <v>740</v>
      </c>
      <c r="CL30" s="24">
        <v>2266</v>
      </c>
      <c r="CM30" s="24">
        <v>241</v>
      </c>
      <c r="CN30" s="24">
        <v>1829</v>
      </c>
      <c r="CO30" s="24">
        <v>127</v>
      </c>
      <c r="CP30" s="24">
        <v>1228</v>
      </c>
      <c r="CQ30" s="24">
        <v>365</v>
      </c>
      <c r="CR30" s="24">
        <v>57</v>
      </c>
      <c r="CS30" s="24"/>
      <c r="CT30" s="24">
        <v>2887</v>
      </c>
      <c r="CU30" s="24">
        <v>228</v>
      </c>
      <c r="CV30" s="24">
        <v>1136</v>
      </c>
      <c r="CW30" s="24">
        <v>18</v>
      </c>
      <c r="CX30" s="24">
        <v>46</v>
      </c>
      <c r="CY30" s="24">
        <v>0</v>
      </c>
      <c r="CZ30" s="24">
        <v>1547</v>
      </c>
      <c r="DA30" s="24">
        <v>352</v>
      </c>
      <c r="DB30" s="24">
        <v>2293</v>
      </c>
      <c r="DC30" s="24">
        <v>532</v>
      </c>
      <c r="DD30" s="24">
        <v>81</v>
      </c>
      <c r="DE30" s="24">
        <v>302</v>
      </c>
      <c r="DF30" s="24"/>
      <c r="DG30" s="24"/>
    </row>
    <row r="31" spans="1:111" ht="10" customHeight="1">
      <c r="A31" s="100"/>
      <c r="B31" s="117"/>
      <c r="C31" s="87"/>
      <c r="D31" s="118"/>
      <c r="E31" s="28" t="s">
        <v>34</v>
      </c>
      <c r="F31" s="24">
        <v>25</v>
      </c>
      <c r="G31" s="24">
        <v>0</v>
      </c>
      <c r="H31" s="24">
        <v>0</v>
      </c>
      <c r="I31" s="24">
        <v>0</v>
      </c>
      <c r="J31" s="24">
        <v>0</v>
      </c>
      <c r="K31" s="24">
        <v>28</v>
      </c>
      <c r="L31" s="24">
        <v>0</v>
      </c>
      <c r="M31" s="24">
        <v>76</v>
      </c>
      <c r="N31" s="24">
        <v>0</v>
      </c>
      <c r="O31" s="24">
        <v>0</v>
      </c>
      <c r="P31" s="24">
        <v>98</v>
      </c>
      <c r="Q31" s="24">
        <v>0</v>
      </c>
      <c r="R31" s="24">
        <v>0</v>
      </c>
      <c r="S31" s="24">
        <v>0</v>
      </c>
      <c r="T31" s="24">
        <v>0</v>
      </c>
      <c r="U31" s="24">
        <v>0</v>
      </c>
      <c r="V31" s="24">
        <v>0</v>
      </c>
      <c r="W31" s="24">
        <v>0</v>
      </c>
      <c r="X31" s="24">
        <v>0</v>
      </c>
      <c r="Y31" s="24">
        <v>0</v>
      </c>
      <c r="Z31" s="24">
        <v>0</v>
      </c>
      <c r="AA31" s="24">
        <v>0</v>
      </c>
      <c r="AB31" s="24">
        <v>0</v>
      </c>
      <c r="AC31" s="24">
        <v>0</v>
      </c>
      <c r="AD31" s="24">
        <v>0</v>
      </c>
      <c r="AE31" s="24">
        <v>0</v>
      </c>
      <c r="AF31" s="24">
        <v>0</v>
      </c>
      <c r="AG31" s="24">
        <v>0</v>
      </c>
      <c r="AH31" s="24">
        <v>0</v>
      </c>
      <c r="AI31" s="24">
        <v>0</v>
      </c>
      <c r="AJ31" s="24">
        <v>0</v>
      </c>
      <c r="AK31" s="24">
        <v>0</v>
      </c>
      <c r="AL31" s="24">
        <v>0</v>
      </c>
      <c r="AM31" s="24">
        <v>0</v>
      </c>
      <c r="AN31" s="24">
        <v>0</v>
      </c>
      <c r="AO31" s="24">
        <v>0</v>
      </c>
      <c r="AP31" s="24">
        <v>0</v>
      </c>
      <c r="AQ31" s="24">
        <v>0</v>
      </c>
      <c r="AR31" s="24">
        <v>0</v>
      </c>
      <c r="AS31" s="24">
        <v>0</v>
      </c>
      <c r="AT31" s="24">
        <v>0</v>
      </c>
      <c r="AU31" s="24">
        <v>0</v>
      </c>
      <c r="AV31" s="24">
        <v>0</v>
      </c>
      <c r="AW31" s="24">
        <v>0</v>
      </c>
      <c r="AX31" s="24">
        <v>0</v>
      </c>
      <c r="AY31" s="24">
        <v>0</v>
      </c>
      <c r="AZ31" s="24">
        <v>0</v>
      </c>
      <c r="BA31" s="24">
        <v>0</v>
      </c>
      <c r="BB31" s="24">
        <v>0</v>
      </c>
      <c r="BC31" s="24">
        <v>0</v>
      </c>
      <c r="BD31" s="24">
        <v>0</v>
      </c>
      <c r="BE31" s="24">
        <v>0</v>
      </c>
      <c r="BF31" s="24">
        <v>0</v>
      </c>
      <c r="BG31" s="24">
        <v>0</v>
      </c>
      <c r="BH31" s="24">
        <v>227</v>
      </c>
      <c r="BI31" s="24">
        <v>0</v>
      </c>
      <c r="BJ31" s="24">
        <v>0</v>
      </c>
      <c r="BK31" s="24">
        <v>0</v>
      </c>
      <c r="BL31" s="24">
        <v>0</v>
      </c>
      <c r="BM31" s="24">
        <v>0</v>
      </c>
      <c r="BN31" s="24">
        <v>0</v>
      </c>
      <c r="BO31" s="24">
        <v>0</v>
      </c>
      <c r="BP31" s="24">
        <v>0</v>
      </c>
      <c r="BQ31" s="24">
        <v>0</v>
      </c>
      <c r="BR31" s="24">
        <v>0</v>
      </c>
      <c r="BS31" s="24">
        <v>0</v>
      </c>
      <c r="BT31" s="24">
        <v>0</v>
      </c>
      <c r="BU31" s="24"/>
      <c r="BV31" s="24">
        <v>0</v>
      </c>
      <c r="BW31" s="24">
        <v>0</v>
      </c>
      <c r="BX31" s="24">
        <v>0</v>
      </c>
      <c r="BY31" s="24">
        <v>0</v>
      </c>
      <c r="BZ31" s="24">
        <v>0</v>
      </c>
      <c r="CA31" s="24">
        <v>0</v>
      </c>
      <c r="CB31" s="24">
        <v>0</v>
      </c>
      <c r="CC31" s="24">
        <v>0</v>
      </c>
      <c r="CD31" s="24">
        <v>0</v>
      </c>
      <c r="CE31" s="24">
        <v>0</v>
      </c>
      <c r="CF31" s="24">
        <v>0</v>
      </c>
      <c r="CG31" s="24">
        <v>0</v>
      </c>
      <c r="CH31" s="24">
        <v>0</v>
      </c>
      <c r="CI31" s="24">
        <v>0</v>
      </c>
      <c r="CJ31" s="24">
        <v>0</v>
      </c>
      <c r="CK31" s="24">
        <v>0</v>
      </c>
      <c r="CL31" s="24">
        <v>0</v>
      </c>
      <c r="CM31" s="24">
        <v>0</v>
      </c>
      <c r="CN31" s="24">
        <v>0</v>
      </c>
      <c r="CO31" s="24">
        <v>0</v>
      </c>
      <c r="CP31" s="24">
        <v>0</v>
      </c>
      <c r="CQ31" s="24">
        <v>0</v>
      </c>
      <c r="CR31" s="24">
        <v>0</v>
      </c>
      <c r="CS31" s="24"/>
      <c r="CT31" s="24">
        <v>0</v>
      </c>
      <c r="CU31" s="24">
        <v>0</v>
      </c>
      <c r="CV31" s="24">
        <v>0</v>
      </c>
      <c r="CW31" s="24">
        <v>0</v>
      </c>
      <c r="CX31" s="24">
        <v>0</v>
      </c>
      <c r="CY31" s="24">
        <v>0</v>
      </c>
      <c r="CZ31" s="24">
        <v>0</v>
      </c>
      <c r="DA31" s="24">
        <v>0</v>
      </c>
      <c r="DB31" s="24">
        <v>0</v>
      </c>
      <c r="DC31" s="24">
        <v>0</v>
      </c>
      <c r="DD31" s="24">
        <v>0</v>
      </c>
      <c r="DE31" s="24">
        <v>0</v>
      </c>
      <c r="DF31" s="24"/>
      <c r="DG31" s="24"/>
    </row>
    <row r="32" spans="1:111" ht="10" customHeight="1">
      <c r="A32" s="100"/>
      <c r="B32" s="114" t="s">
        <v>35</v>
      </c>
      <c r="C32" s="93"/>
      <c r="D32" s="93"/>
      <c r="E32" s="94"/>
      <c r="F32" s="24">
        <v>160775355</v>
      </c>
      <c r="G32" s="24">
        <v>48388906</v>
      </c>
      <c r="H32" s="24">
        <v>17591021</v>
      </c>
      <c r="I32" s="24">
        <v>52522658</v>
      </c>
      <c r="J32" s="24">
        <v>8364205</v>
      </c>
      <c r="K32" s="24">
        <v>6410330</v>
      </c>
      <c r="L32" s="24">
        <v>36372196</v>
      </c>
      <c r="M32" s="24">
        <v>8369630</v>
      </c>
      <c r="N32" s="24">
        <v>5107719</v>
      </c>
      <c r="O32" s="24">
        <v>4873974</v>
      </c>
      <c r="P32" s="24">
        <v>9684593</v>
      </c>
      <c r="Q32" s="24">
        <v>20739725</v>
      </c>
      <c r="R32" s="24">
        <v>19208062</v>
      </c>
      <c r="S32" s="24">
        <v>2827872</v>
      </c>
      <c r="T32" s="24">
        <v>11443722</v>
      </c>
      <c r="U32" s="24">
        <v>10242955</v>
      </c>
      <c r="V32" s="24">
        <v>22264332</v>
      </c>
      <c r="W32" s="24">
        <v>27479566</v>
      </c>
      <c r="X32" s="24">
        <v>30545381</v>
      </c>
      <c r="Y32" s="24">
        <v>13044512</v>
      </c>
      <c r="Z32" s="24">
        <v>17315291</v>
      </c>
      <c r="AA32" s="24">
        <v>14567157</v>
      </c>
      <c r="AB32" s="24">
        <v>17458773</v>
      </c>
      <c r="AC32" s="24">
        <v>9620909</v>
      </c>
      <c r="AD32" s="24">
        <v>9210558</v>
      </c>
      <c r="AE32" s="24">
        <v>15648452</v>
      </c>
      <c r="AF32" s="24">
        <v>7492932</v>
      </c>
      <c r="AG32" s="24">
        <v>13824992</v>
      </c>
      <c r="AH32" s="24">
        <v>7054825</v>
      </c>
      <c r="AI32" s="24">
        <v>13651821</v>
      </c>
      <c r="AJ32" s="24">
        <v>11958003</v>
      </c>
      <c r="AK32" s="24">
        <v>13497797</v>
      </c>
      <c r="AL32" s="24">
        <v>4720624</v>
      </c>
      <c r="AM32" s="24">
        <v>2729552</v>
      </c>
      <c r="AN32" s="24">
        <v>4376537</v>
      </c>
      <c r="AO32" s="24">
        <v>5970972</v>
      </c>
      <c r="AP32" s="24">
        <v>15056104</v>
      </c>
      <c r="AQ32" s="24">
        <v>3845959</v>
      </c>
      <c r="AR32" s="24">
        <v>3660045</v>
      </c>
      <c r="AS32" s="24">
        <v>5126935</v>
      </c>
      <c r="AT32" s="24">
        <v>1322836</v>
      </c>
      <c r="AU32" s="24">
        <v>1843954</v>
      </c>
      <c r="AV32" s="24">
        <v>1555795</v>
      </c>
      <c r="AW32" s="24">
        <v>1650195</v>
      </c>
      <c r="AX32" s="24">
        <v>972749</v>
      </c>
      <c r="AY32" s="24">
        <v>111320</v>
      </c>
      <c r="AZ32" s="24">
        <v>97860</v>
      </c>
      <c r="BA32" s="24">
        <v>389599</v>
      </c>
      <c r="BB32" s="24">
        <v>1165034</v>
      </c>
      <c r="BC32" s="24">
        <v>2826736</v>
      </c>
      <c r="BD32" s="24">
        <v>3139739</v>
      </c>
      <c r="BE32" s="24">
        <v>1695406</v>
      </c>
      <c r="BF32" s="24">
        <v>16501860</v>
      </c>
      <c r="BG32" s="24">
        <v>4085231</v>
      </c>
      <c r="BH32" s="24">
        <v>750403266</v>
      </c>
      <c r="BI32" s="24">
        <v>102166</v>
      </c>
      <c r="BJ32" s="24">
        <v>0</v>
      </c>
      <c r="BK32" s="24">
        <v>227477</v>
      </c>
      <c r="BL32" s="24">
        <v>674928</v>
      </c>
      <c r="BM32" s="24">
        <v>325704</v>
      </c>
      <c r="BN32" s="24">
        <v>834618</v>
      </c>
      <c r="BO32" s="24">
        <v>205667</v>
      </c>
      <c r="BP32" s="24">
        <v>264806</v>
      </c>
      <c r="BQ32" s="24">
        <v>68184</v>
      </c>
      <c r="BR32" s="24">
        <v>52350</v>
      </c>
      <c r="BS32" s="24">
        <v>428075</v>
      </c>
      <c r="BT32" s="24">
        <v>833512</v>
      </c>
      <c r="BU32" s="24">
        <v>4017487</v>
      </c>
      <c r="BV32" s="24">
        <v>861760</v>
      </c>
      <c r="BW32" s="24">
        <v>195063</v>
      </c>
      <c r="BX32" s="24">
        <v>888147</v>
      </c>
      <c r="BY32" s="24">
        <v>181080</v>
      </c>
      <c r="BZ32" s="24">
        <v>275523</v>
      </c>
      <c r="CA32" s="24">
        <v>1784076</v>
      </c>
      <c r="CB32" s="24">
        <v>1046969</v>
      </c>
      <c r="CC32" s="24">
        <v>292280</v>
      </c>
      <c r="CD32" s="24">
        <v>31980</v>
      </c>
      <c r="CE32" s="24">
        <v>43319</v>
      </c>
      <c r="CF32" s="24">
        <v>33648</v>
      </c>
      <c r="CG32" s="24">
        <v>115860</v>
      </c>
      <c r="CH32" s="24">
        <v>41983</v>
      </c>
      <c r="CI32" s="24">
        <v>111078</v>
      </c>
      <c r="CJ32" s="24">
        <v>141073</v>
      </c>
      <c r="CK32" s="24">
        <v>153110</v>
      </c>
      <c r="CL32" s="24">
        <v>410386</v>
      </c>
      <c r="CM32" s="24">
        <v>62512</v>
      </c>
      <c r="CN32" s="24">
        <v>272458</v>
      </c>
      <c r="CO32" s="24">
        <v>15123</v>
      </c>
      <c r="CP32" s="24">
        <v>207544</v>
      </c>
      <c r="CQ32" s="24">
        <v>64985</v>
      </c>
      <c r="CR32" s="24">
        <v>10564</v>
      </c>
      <c r="CS32" s="24">
        <v>7240521</v>
      </c>
      <c r="CT32" s="24">
        <v>446030</v>
      </c>
      <c r="CU32" s="24">
        <v>83074</v>
      </c>
      <c r="CV32" s="24">
        <v>194799</v>
      </c>
      <c r="CW32" s="24">
        <v>3695</v>
      </c>
      <c r="CX32" s="24">
        <v>8911</v>
      </c>
      <c r="CY32" s="24">
        <v>116900</v>
      </c>
      <c r="CZ32" s="24">
        <v>283101</v>
      </c>
      <c r="DA32" s="24">
        <v>75920</v>
      </c>
      <c r="DB32" s="24">
        <v>387630</v>
      </c>
      <c r="DC32" s="24">
        <v>194180</v>
      </c>
      <c r="DD32" s="24">
        <v>13906</v>
      </c>
      <c r="DE32" s="24">
        <v>110157</v>
      </c>
      <c r="DF32" s="24">
        <v>1918303</v>
      </c>
      <c r="DG32" s="24">
        <v>763579577</v>
      </c>
    </row>
    <row r="33" spans="1:111" ht="10" customHeight="1">
      <c r="A33" s="100"/>
      <c r="B33" s="29"/>
      <c r="C33" s="98" t="s">
        <v>36</v>
      </c>
      <c r="D33" s="90"/>
      <c r="E33" s="91"/>
      <c r="F33" s="24">
        <v>155733952</v>
      </c>
      <c r="G33" s="24">
        <v>46335472</v>
      </c>
      <c r="H33" s="24">
        <v>13857473</v>
      </c>
      <c r="I33" s="24">
        <v>52522658</v>
      </c>
      <c r="J33" s="24">
        <v>7148200</v>
      </c>
      <c r="K33" s="24">
        <v>5734747</v>
      </c>
      <c r="L33" s="24">
        <v>34802458</v>
      </c>
      <c r="M33" s="24">
        <v>7867940</v>
      </c>
      <c r="N33" s="24">
        <v>5107719</v>
      </c>
      <c r="O33" s="24">
        <v>4873974</v>
      </c>
      <c r="P33" s="24">
        <v>8787963</v>
      </c>
      <c r="Q33" s="24">
        <v>20739725</v>
      </c>
      <c r="R33" s="24">
        <v>19208062</v>
      </c>
      <c r="S33" s="24">
        <v>2827872</v>
      </c>
      <c r="T33" s="24">
        <v>11443722</v>
      </c>
      <c r="U33" s="24">
        <v>10242955</v>
      </c>
      <c r="V33" s="24">
        <v>21312544</v>
      </c>
      <c r="W33" s="24">
        <v>27479566</v>
      </c>
      <c r="X33" s="24">
        <v>30545381</v>
      </c>
      <c r="Y33" s="24">
        <v>9290646</v>
      </c>
      <c r="Z33" s="24">
        <v>15777196</v>
      </c>
      <c r="AA33" s="24">
        <v>14567157</v>
      </c>
      <c r="AB33" s="24">
        <v>17458773</v>
      </c>
      <c r="AC33" s="24">
        <v>9620909</v>
      </c>
      <c r="AD33" s="24">
        <v>9210558</v>
      </c>
      <c r="AE33" s="24">
        <v>15648452</v>
      </c>
      <c r="AF33" s="24">
        <v>7492932</v>
      </c>
      <c r="AG33" s="24">
        <v>13649904</v>
      </c>
      <c r="AH33" s="24">
        <v>7054825</v>
      </c>
      <c r="AI33" s="24">
        <v>13651821</v>
      </c>
      <c r="AJ33" s="24">
        <v>11958003</v>
      </c>
      <c r="AK33" s="24">
        <v>13497797</v>
      </c>
      <c r="AL33" s="24">
        <v>4720624</v>
      </c>
      <c r="AM33" s="24">
        <v>2729552</v>
      </c>
      <c r="AN33" s="24">
        <v>4376537</v>
      </c>
      <c r="AO33" s="24">
        <v>5970972</v>
      </c>
      <c r="AP33" s="24">
        <v>15056104</v>
      </c>
      <c r="AQ33" s="24">
        <v>3845959</v>
      </c>
      <c r="AR33" s="24">
        <v>3660045</v>
      </c>
      <c r="AS33" s="24">
        <v>5126935</v>
      </c>
      <c r="AT33" s="24">
        <v>1322836</v>
      </c>
      <c r="AU33" s="24">
        <v>1843954</v>
      </c>
      <c r="AV33" s="24">
        <v>1555795</v>
      </c>
      <c r="AW33" s="24">
        <v>1650195</v>
      </c>
      <c r="AX33" s="24">
        <v>972749</v>
      </c>
      <c r="AY33" s="24">
        <v>111320</v>
      </c>
      <c r="AZ33" s="24">
        <v>97860</v>
      </c>
      <c r="BA33" s="24">
        <v>389599</v>
      </c>
      <c r="BB33" s="24">
        <v>1165034</v>
      </c>
      <c r="BC33" s="24">
        <v>2826736</v>
      </c>
      <c r="BD33" s="24">
        <v>3139739</v>
      </c>
      <c r="BE33" s="24">
        <v>1695406</v>
      </c>
      <c r="BF33" s="24">
        <v>16501860</v>
      </c>
      <c r="BG33" s="24">
        <v>4085231</v>
      </c>
      <c r="BH33" s="24">
        <v>728296398</v>
      </c>
      <c r="BI33" s="24">
        <v>102166</v>
      </c>
      <c r="BJ33" s="24">
        <v>0</v>
      </c>
      <c r="BK33" s="24">
        <v>227477</v>
      </c>
      <c r="BL33" s="24">
        <v>674928</v>
      </c>
      <c r="BM33" s="24">
        <v>325704</v>
      </c>
      <c r="BN33" s="24">
        <v>834618</v>
      </c>
      <c r="BO33" s="24">
        <v>205667</v>
      </c>
      <c r="BP33" s="24">
        <v>264806</v>
      </c>
      <c r="BQ33" s="24">
        <v>68184</v>
      </c>
      <c r="BR33" s="24">
        <v>52350</v>
      </c>
      <c r="BS33" s="24">
        <v>428075</v>
      </c>
      <c r="BT33" s="24">
        <v>833512</v>
      </c>
      <c r="BU33" s="24">
        <v>4017487</v>
      </c>
      <c r="BV33" s="24">
        <v>861760</v>
      </c>
      <c r="BW33" s="24">
        <v>195063</v>
      </c>
      <c r="BX33" s="24">
        <v>888147</v>
      </c>
      <c r="BY33" s="24">
        <v>181080</v>
      </c>
      <c r="BZ33" s="24">
        <v>275523</v>
      </c>
      <c r="CA33" s="24">
        <v>1784076</v>
      </c>
      <c r="CB33" s="24">
        <v>1046969</v>
      </c>
      <c r="CC33" s="24">
        <v>292280</v>
      </c>
      <c r="CD33" s="24">
        <v>31980</v>
      </c>
      <c r="CE33" s="24">
        <v>43319</v>
      </c>
      <c r="CF33" s="24">
        <v>33648</v>
      </c>
      <c r="CG33" s="24">
        <v>115860</v>
      </c>
      <c r="CH33" s="24">
        <v>41983</v>
      </c>
      <c r="CI33" s="24">
        <v>111078</v>
      </c>
      <c r="CJ33" s="24">
        <v>141073</v>
      </c>
      <c r="CK33" s="24">
        <v>153110</v>
      </c>
      <c r="CL33" s="24">
        <v>410386</v>
      </c>
      <c r="CM33" s="24">
        <v>62512</v>
      </c>
      <c r="CN33" s="24">
        <v>272458</v>
      </c>
      <c r="CO33" s="24">
        <v>15123</v>
      </c>
      <c r="CP33" s="24">
        <v>207544</v>
      </c>
      <c r="CQ33" s="24">
        <v>64985</v>
      </c>
      <c r="CR33" s="24">
        <v>10564</v>
      </c>
      <c r="CS33" s="24">
        <v>7240521</v>
      </c>
      <c r="CT33" s="24">
        <v>446030</v>
      </c>
      <c r="CU33" s="24">
        <v>83074</v>
      </c>
      <c r="CV33" s="24">
        <v>194799</v>
      </c>
      <c r="CW33" s="24">
        <v>3695</v>
      </c>
      <c r="CX33" s="24">
        <v>8911</v>
      </c>
      <c r="CY33" s="24">
        <v>116900</v>
      </c>
      <c r="CZ33" s="24">
        <v>283101</v>
      </c>
      <c r="DA33" s="24">
        <v>75920</v>
      </c>
      <c r="DB33" s="24">
        <v>387630</v>
      </c>
      <c r="DC33" s="24">
        <v>194180</v>
      </c>
      <c r="DD33" s="24">
        <v>13906</v>
      </c>
      <c r="DE33" s="24">
        <v>110157</v>
      </c>
      <c r="DF33" s="24">
        <v>1918303</v>
      </c>
      <c r="DG33" s="24">
        <v>741472709</v>
      </c>
    </row>
    <row r="34" spans="1:111" ht="10" customHeight="1">
      <c r="A34" s="100"/>
      <c r="B34" s="30"/>
      <c r="C34" s="98" t="s">
        <v>37</v>
      </c>
      <c r="D34" s="90"/>
      <c r="E34" s="91"/>
      <c r="F34" s="24">
        <v>5041403</v>
      </c>
      <c r="G34" s="24">
        <v>2053434</v>
      </c>
      <c r="H34" s="24">
        <v>3733548</v>
      </c>
      <c r="I34" s="24">
        <v>0</v>
      </c>
      <c r="J34" s="24">
        <v>1216005</v>
      </c>
      <c r="K34" s="24">
        <v>675583</v>
      </c>
      <c r="L34" s="24">
        <v>1569738</v>
      </c>
      <c r="M34" s="24">
        <v>501690</v>
      </c>
      <c r="N34" s="24">
        <v>0</v>
      </c>
      <c r="O34" s="24">
        <v>0</v>
      </c>
      <c r="P34" s="24">
        <v>896630</v>
      </c>
      <c r="Q34" s="24">
        <v>0</v>
      </c>
      <c r="R34" s="24">
        <v>0</v>
      </c>
      <c r="S34" s="24">
        <v>0</v>
      </c>
      <c r="T34" s="24">
        <v>0</v>
      </c>
      <c r="U34" s="24">
        <v>0</v>
      </c>
      <c r="V34" s="24">
        <v>951788</v>
      </c>
      <c r="W34" s="24">
        <v>0</v>
      </c>
      <c r="X34" s="24">
        <v>0</v>
      </c>
      <c r="Y34" s="24">
        <v>3753866</v>
      </c>
      <c r="Z34" s="24">
        <v>1538095</v>
      </c>
      <c r="AA34" s="24">
        <v>0</v>
      </c>
      <c r="AB34" s="24">
        <v>0</v>
      </c>
      <c r="AC34" s="24">
        <v>0</v>
      </c>
      <c r="AD34" s="24">
        <v>0</v>
      </c>
      <c r="AE34" s="24">
        <v>0</v>
      </c>
      <c r="AF34" s="24">
        <v>0</v>
      </c>
      <c r="AG34" s="24">
        <v>175088</v>
      </c>
      <c r="AH34" s="24">
        <v>0</v>
      </c>
      <c r="AI34" s="24">
        <v>0</v>
      </c>
      <c r="AJ34" s="24">
        <v>0</v>
      </c>
      <c r="AK34" s="24">
        <v>0</v>
      </c>
      <c r="AL34" s="24">
        <v>0</v>
      </c>
      <c r="AM34" s="24">
        <v>0</v>
      </c>
      <c r="AN34" s="24">
        <v>0</v>
      </c>
      <c r="AO34" s="24">
        <v>0</v>
      </c>
      <c r="AP34" s="24">
        <v>0</v>
      </c>
      <c r="AQ34" s="24">
        <v>0</v>
      </c>
      <c r="AR34" s="24">
        <v>0</v>
      </c>
      <c r="AS34" s="24">
        <v>0</v>
      </c>
      <c r="AT34" s="24">
        <v>0</v>
      </c>
      <c r="AU34" s="24">
        <v>0</v>
      </c>
      <c r="AV34" s="24">
        <v>0</v>
      </c>
      <c r="AW34" s="24">
        <v>0</v>
      </c>
      <c r="AX34" s="24">
        <v>0</v>
      </c>
      <c r="AY34" s="24">
        <v>0</v>
      </c>
      <c r="AZ34" s="24">
        <v>0</v>
      </c>
      <c r="BA34" s="24">
        <v>0</v>
      </c>
      <c r="BB34" s="24">
        <v>0</v>
      </c>
      <c r="BC34" s="24">
        <v>0</v>
      </c>
      <c r="BD34" s="24">
        <v>0</v>
      </c>
      <c r="BE34" s="24">
        <v>0</v>
      </c>
      <c r="BF34" s="24">
        <v>0</v>
      </c>
      <c r="BG34" s="24">
        <v>0</v>
      </c>
      <c r="BH34" s="24">
        <v>22106868</v>
      </c>
      <c r="BI34" s="24">
        <v>0</v>
      </c>
      <c r="BJ34" s="24">
        <v>0</v>
      </c>
      <c r="BK34" s="24">
        <v>0</v>
      </c>
      <c r="BL34" s="24">
        <v>0</v>
      </c>
      <c r="BM34" s="24">
        <v>0</v>
      </c>
      <c r="BN34" s="24">
        <v>0</v>
      </c>
      <c r="BO34" s="24">
        <v>0</v>
      </c>
      <c r="BP34" s="24">
        <v>0</v>
      </c>
      <c r="BQ34" s="24">
        <v>0</v>
      </c>
      <c r="BR34" s="24">
        <v>0</v>
      </c>
      <c r="BS34" s="24">
        <v>0</v>
      </c>
      <c r="BT34" s="24">
        <v>0</v>
      </c>
      <c r="BU34" s="24">
        <v>0</v>
      </c>
      <c r="BV34" s="24">
        <v>0</v>
      </c>
      <c r="BW34" s="24">
        <v>0</v>
      </c>
      <c r="BX34" s="24">
        <v>0</v>
      </c>
      <c r="BY34" s="24">
        <v>0</v>
      </c>
      <c r="BZ34" s="24">
        <v>0</v>
      </c>
      <c r="CA34" s="24">
        <v>0</v>
      </c>
      <c r="CB34" s="24">
        <v>0</v>
      </c>
      <c r="CC34" s="24">
        <v>0</v>
      </c>
      <c r="CD34" s="24">
        <v>0</v>
      </c>
      <c r="CE34" s="24">
        <v>0</v>
      </c>
      <c r="CF34" s="24">
        <v>0</v>
      </c>
      <c r="CG34" s="24">
        <v>0</v>
      </c>
      <c r="CH34" s="24">
        <v>0</v>
      </c>
      <c r="CI34" s="24">
        <v>0</v>
      </c>
      <c r="CJ34" s="24">
        <v>0</v>
      </c>
      <c r="CK34" s="24">
        <v>0</v>
      </c>
      <c r="CL34" s="24">
        <v>0</v>
      </c>
      <c r="CM34" s="24">
        <v>0</v>
      </c>
      <c r="CN34" s="24">
        <v>0</v>
      </c>
      <c r="CO34" s="24">
        <v>0</v>
      </c>
      <c r="CP34" s="24">
        <v>0</v>
      </c>
      <c r="CQ34" s="24">
        <v>0</v>
      </c>
      <c r="CR34" s="24">
        <v>0</v>
      </c>
      <c r="CS34" s="24">
        <v>0</v>
      </c>
      <c r="CT34" s="24">
        <v>0</v>
      </c>
      <c r="CU34" s="24">
        <v>0</v>
      </c>
      <c r="CV34" s="24">
        <v>0</v>
      </c>
      <c r="CW34" s="24">
        <v>0</v>
      </c>
      <c r="CX34" s="24">
        <v>0</v>
      </c>
      <c r="CY34" s="24">
        <v>0</v>
      </c>
      <c r="CZ34" s="24">
        <v>0</v>
      </c>
      <c r="DA34" s="24">
        <v>0</v>
      </c>
      <c r="DB34" s="24">
        <v>0</v>
      </c>
      <c r="DC34" s="24">
        <v>0</v>
      </c>
      <c r="DD34" s="24">
        <v>0</v>
      </c>
      <c r="DE34" s="24">
        <v>0</v>
      </c>
      <c r="DF34" s="24">
        <v>0</v>
      </c>
      <c r="DG34" s="24">
        <v>22106868</v>
      </c>
    </row>
    <row r="35" spans="1:111" ht="10" customHeight="1">
      <c r="A35" s="100"/>
      <c r="B35" s="119" t="s">
        <v>38</v>
      </c>
      <c r="C35" s="120"/>
      <c r="D35" s="120"/>
      <c r="E35" s="121"/>
      <c r="F35" s="24">
        <v>120619122</v>
      </c>
      <c r="G35" s="24">
        <v>32890994</v>
      </c>
      <c r="H35" s="24">
        <v>10602747</v>
      </c>
      <c r="I35" s="24">
        <v>50893425</v>
      </c>
      <c r="J35" s="24">
        <v>4653045</v>
      </c>
      <c r="K35" s="24">
        <v>3452716</v>
      </c>
      <c r="L35" s="24">
        <v>32647804</v>
      </c>
      <c r="M35" s="24">
        <v>5923857</v>
      </c>
      <c r="N35" s="24">
        <v>4793840</v>
      </c>
      <c r="O35" s="24">
        <v>5131848</v>
      </c>
      <c r="P35" s="24">
        <v>6553326</v>
      </c>
      <c r="Q35" s="24">
        <v>19069067</v>
      </c>
      <c r="R35" s="24">
        <v>15505230</v>
      </c>
      <c r="S35" s="24">
        <v>2286963</v>
      </c>
      <c r="T35" s="24">
        <v>9182929</v>
      </c>
      <c r="U35" s="24">
        <v>8231761</v>
      </c>
      <c r="V35" s="24">
        <v>18609469</v>
      </c>
      <c r="W35" s="24">
        <v>24237159</v>
      </c>
      <c r="X35" s="24">
        <v>27259072</v>
      </c>
      <c r="Y35" s="24">
        <v>7264155</v>
      </c>
      <c r="Z35" s="24">
        <v>15008799</v>
      </c>
      <c r="AA35" s="24">
        <v>13238581</v>
      </c>
      <c r="AB35" s="24">
        <v>14438165</v>
      </c>
      <c r="AC35" s="24">
        <v>7127880</v>
      </c>
      <c r="AD35" s="24">
        <v>8779082</v>
      </c>
      <c r="AE35" s="24">
        <v>15570244</v>
      </c>
      <c r="AF35" s="24">
        <v>5830681</v>
      </c>
      <c r="AG35" s="24">
        <v>11643900</v>
      </c>
      <c r="AH35" s="24">
        <v>5028784</v>
      </c>
      <c r="AI35" s="24">
        <v>11184962</v>
      </c>
      <c r="AJ35" s="24">
        <v>9939805</v>
      </c>
      <c r="AK35" s="24">
        <v>11490046</v>
      </c>
      <c r="AL35" s="24">
        <v>4124241</v>
      </c>
      <c r="AM35" s="24">
        <v>1955489</v>
      </c>
      <c r="AN35" s="24">
        <v>4027909</v>
      </c>
      <c r="AO35" s="24">
        <v>5794982</v>
      </c>
      <c r="AP35" s="24">
        <v>12846096</v>
      </c>
      <c r="AQ35" s="24">
        <v>3378618</v>
      </c>
      <c r="AR35" s="24">
        <v>3405388</v>
      </c>
      <c r="AS35" s="24">
        <v>4059437</v>
      </c>
      <c r="AT35" s="24">
        <v>1198735</v>
      </c>
      <c r="AU35" s="24">
        <v>1670113</v>
      </c>
      <c r="AV35" s="24">
        <v>1440253</v>
      </c>
      <c r="AW35" s="24">
        <v>1377244</v>
      </c>
      <c r="AX35" s="24">
        <v>981478</v>
      </c>
      <c r="AY35" s="24">
        <v>111320</v>
      </c>
      <c r="AZ35" s="24">
        <v>99857</v>
      </c>
      <c r="BA35" s="24">
        <v>389599</v>
      </c>
      <c r="BB35" s="24">
        <v>1040555</v>
      </c>
      <c r="BC35" s="24">
        <v>2284905</v>
      </c>
      <c r="BD35" s="24">
        <v>2690515</v>
      </c>
      <c r="BE35" s="24">
        <v>1553991</v>
      </c>
      <c r="BF35" s="24">
        <v>12578444</v>
      </c>
      <c r="BG35" s="24">
        <v>3894700</v>
      </c>
      <c r="BH35" s="24">
        <v>609993327</v>
      </c>
      <c r="BI35" s="24">
        <v>70359</v>
      </c>
      <c r="BJ35" s="24">
        <v>0</v>
      </c>
      <c r="BK35" s="24">
        <v>226340</v>
      </c>
      <c r="BL35" s="24">
        <v>539902</v>
      </c>
      <c r="BM35" s="24">
        <v>241004</v>
      </c>
      <c r="BN35" s="24">
        <v>660839</v>
      </c>
      <c r="BO35" s="24">
        <v>207612</v>
      </c>
      <c r="BP35" s="24">
        <v>256378</v>
      </c>
      <c r="BQ35" s="24">
        <v>76457</v>
      </c>
      <c r="BR35" s="24">
        <v>52350</v>
      </c>
      <c r="BS35" s="24">
        <v>291525</v>
      </c>
      <c r="BT35" s="24">
        <v>780458</v>
      </c>
      <c r="BU35" s="24">
        <v>3403224</v>
      </c>
      <c r="BV35" s="24">
        <v>743277</v>
      </c>
      <c r="BW35" s="24">
        <v>195063</v>
      </c>
      <c r="BX35" s="24">
        <v>849595</v>
      </c>
      <c r="BY35" s="24">
        <v>181080</v>
      </c>
      <c r="BZ35" s="24">
        <v>244291</v>
      </c>
      <c r="CA35" s="24">
        <v>1611028</v>
      </c>
      <c r="CB35" s="24">
        <v>1046969</v>
      </c>
      <c r="CC35" s="24">
        <v>292280</v>
      </c>
      <c r="CD35" s="24">
        <v>31980</v>
      </c>
      <c r="CE35" s="24">
        <v>37161</v>
      </c>
      <c r="CF35" s="24">
        <v>33648</v>
      </c>
      <c r="CG35" s="24">
        <v>115860</v>
      </c>
      <c r="CH35" s="24">
        <v>41884</v>
      </c>
      <c r="CI35" s="24">
        <v>104105</v>
      </c>
      <c r="CJ35" s="24">
        <v>103291</v>
      </c>
      <c r="CK35" s="24">
        <v>133886</v>
      </c>
      <c r="CL35" s="24">
        <v>479689</v>
      </c>
      <c r="CM35" s="24">
        <v>60691</v>
      </c>
      <c r="CN35" s="24">
        <v>247294</v>
      </c>
      <c r="CO35" s="24">
        <v>14595</v>
      </c>
      <c r="CP35" s="24">
        <v>188484</v>
      </c>
      <c r="CQ35" s="24">
        <v>64985</v>
      </c>
      <c r="CR35" s="24">
        <v>10564</v>
      </c>
      <c r="CS35" s="24">
        <v>6831700</v>
      </c>
      <c r="CT35" s="24">
        <v>446030</v>
      </c>
      <c r="CU35" s="24">
        <v>83074</v>
      </c>
      <c r="CV35" s="24">
        <v>194799</v>
      </c>
      <c r="CW35" s="24">
        <v>3695</v>
      </c>
      <c r="CX35" s="24">
        <v>8911</v>
      </c>
      <c r="CY35" s="24">
        <v>116900</v>
      </c>
      <c r="CZ35" s="24">
        <v>283101</v>
      </c>
      <c r="DA35" s="24">
        <v>75920</v>
      </c>
      <c r="DB35" s="24">
        <v>387630</v>
      </c>
      <c r="DC35" s="24">
        <v>194180</v>
      </c>
      <c r="DD35" s="24">
        <v>13906</v>
      </c>
      <c r="DE35" s="24">
        <v>110157</v>
      </c>
      <c r="DF35" s="24">
        <v>1918303</v>
      </c>
      <c r="DG35" s="24">
        <v>622146554</v>
      </c>
    </row>
    <row r="36" spans="1:111" ht="10" customHeight="1">
      <c r="A36" s="92" t="s">
        <v>39</v>
      </c>
      <c r="B36" s="93"/>
      <c r="C36" s="93"/>
      <c r="D36" s="93"/>
      <c r="E36" s="94"/>
      <c r="F36" s="24">
        <v>19</v>
      </c>
      <c r="G36" s="24">
        <v>4</v>
      </c>
      <c r="H36" s="24">
        <v>3</v>
      </c>
      <c r="I36" s="24">
        <v>21</v>
      </c>
      <c r="J36" s="24">
        <v>6</v>
      </c>
      <c r="K36" s="24">
        <v>4</v>
      </c>
      <c r="L36" s="24">
        <v>5</v>
      </c>
      <c r="M36" s="24">
        <v>4</v>
      </c>
      <c r="N36" s="24">
        <v>15</v>
      </c>
      <c r="O36" s="24">
        <v>0</v>
      </c>
      <c r="P36" s="24">
        <v>2</v>
      </c>
      <c r="Q36" s="24">
        <v>0</v>
      </c>
      <c r="R36" s="24">
        <v>0</v>
      </c>
      <c r="S36" s="24">
        <v>1</v>
      </c>
      <c r="T36" s="24">
        <v>5</v>
      </c>
      <c r="U36" s="24">
        <v>0</v>
      </c>
      <c r="V36" s="24">
        <v>6</v>
      </c>
      <c r="W36" s="24">
        <v>0</v>
      </c>
      <c r="X36" s="24">
        <v>22</v>
      </c>
      <c r="Y36" s="24">
        <v>2</v>
      </c>
      <c r="Z36" s="24">
        <v>2</v>
      </c>
      <c r="AA36" s="24">
        <v>0</v>
      </c>
      <c r="AB36" s="24">
        <v>1</v>
      </c>
      <c r="AC36" s="24">
        <v>3</v>
      </c>
      <c r="AD36" s="24">
        <v>0</v>
      </c>
      <c r="AE36" s="24">
        <v>0</v>
      </c>
      <c r="AF36" s="24">
        <v>4</v>
      </c>
      <c r="AG36" s="24">
        <v>11</v>
      </c>
      <c r="AH36" s="24">
        <v>1</v>
      </c>
      <c r="AI36" s="24">
        <v>4</v>
      </c>
      <c r="AJ36" s="24">
        <v>0</v>
      </c>
      <c r="AK36" s="24">
        <v>1</v>
      </c>
      <c r="AL36" s="24">
        <v>1</v>
      </c>
      <c r="AM36" s="24">
        <v>1</v>
      </c>
      <c r="AN36" s="24">
        <v>1</v>
      </c>
      <c r="AO36" s="24">
        <v>0</v>
      </c>
      <c r="AP36" s="24">
        <v>0</v>
      </c>
      <c r="AQ36" s="24">
        <v>2</v>
      </c>
      <c r="AR36" s="24">
        <v>0</v>
      </c>
      <c r="AS36" s="24">
        <v>1</v>
      </c>
      <c r="AT36" s="24">
        <v>0</v>
      </c>
      <c r="AU36" s="24">
        <v>0</v>
      </c>
      <c r="AV36" s="24">
        <v>0</v>
      </c>
      <c r="AW36" s="24">
        <v>0</v>
      </c>
      <c r="AX36" s="24">
        <v>0</v>
      </c>
      <c r="AY36" s="24">
        <v>0</v>
      </c>
      <c r="AZ36" s="24">
        <v>0</v>
      </c>
      <c r="BA36" s="24">
        <v>0</v>
      </c>
      <c r="BB36" s="24">
        <v>0</v>
      </c>
      <c r="BC36" s="24">
        <v>2</v>
      </c>
      <c r="BD36" s="24">
        <v>1</v>
      </c>
      <c r="BE36" s="24">
        <v>2</v>
      </c>
      <c r="BF36" s="24">
        <v>5</v>
      </c>
      <c r="BG36" s="24">
        <v>6</v>
      </c>
      <c r="BH36" s="24">
        <v>168</v>
      </c>
      <c r="BI36" s="24">
        <v>0</v>
      </c>
      <c r="BJ36" s="24">
        <v>0</v>
      </c>
      <c r="BK36" s="24">
        <v>0</v>
      </c>
      <c r="BL36" s="24">
        <v>0</v>
      </c>
      <c r="BM36" s="24">
        <v>0</v>
      </c>
      <c r="BN36" s="24">
        <v>0</v>
      </c>
      <c r="BO36" s="24">
        <v>0</v>
      </c>
      <c r="BP36" s="24">
        <v>0</v>
      </c>
      <c r="BQ36" s="24">
        <v>0</v>
      </c>
      <c r="BR36" s="24">
        <v>0</v>
      </c>
      <c r="BS36" s="24">
        <v>0</v>
      </c>
      <c r="BT36" s="24">
        <v>2</v>
      </c>
      <c r="BU36" s="24">
        <v>2</v>
      </c>
      <c r="BV36" s="24">
        <v>0</v>
      </c>
      <c r="BW36" s="24">
        <v>0</v>
      </c>
      <c r="BX36" s="24">
        <v>0</v>
      </c>
      <c r="BY36" s="24">
        <v>0</v>
      </c>
      <c r="BZ36" s="24">
        <v>0</v>
      </c>
      <c r="CA36" s="24">
        <v>0</v>
      </c>
      <c r="CB36" s="24">
        <v>0</v>
      </c>
      <c r="CC36" s="24">
        <v>0</v>
      </c>
      <c r="CD36" s="24">
        <v>0</v>
      </c>
      <c r="CE36" s="24">
        <v>0</v>
      </c>
      <c r="CF36" s="24">
        <v>0</v>
      </c>
      <c r="CG36" s="24">
        <v>0</v>
      </c>
      <c r="CH36" s="24">
        <v>0</v>
      </c>
      <c r="CI36" s="24">
        <v>0</v>
      </c>
      <c r="CJ36" s="24">
        <v>0</v>
      </c>
      <c r="CK36" s="24">
        <v>0</v>
      </c>
      <c r="CL36" s="24">
        <v>0</v>
      </c>
      <c r="CM36" s="24">
        <v>0</v>
      </c>
      <c r="CN36" s="24">
        <v>0</v>
      </c>
      <c r="CO36" s="24">
        <v>0</v>
      </c>
      <c r="CP36" s="24">
        <v>0</v>
      </c>
      <c r="CQ36" s="24">
        <v>0</v>
      </c>
      <c r="CR36" s="24">
        <v>0</v>
      </c>
      <c r="CS36" s="24">
        <v>0</v>
      </c>
      <c r="CT36" s="24">
        <v>0</v>
      </c>
      <c r="CU36" s="24">
        <v>0</v>
      </c>
      <c r="CV36" s="24">
        <v>0</v>
      </c>
      <c r="CW36" s="24">
        <v>0</v>
      </c>
      <c r="CX36" s="24">
        <v>0</v>
      </c>
      <c r="CY36" s="24">
        <v>0</v>
      </c>
      <c r="CZ36" s="24">
        <v>0</v>
      </c>
      <c r="DA36" s="24">
        <v>0</v>
      </c>
      <c r="DB36" s="24">
        <v>0</v>
      </c>
      <c r="DC36" s="24">
        <v>0</v>
      </c>
      <c r="DD36" s="24">
        <v>0</v>
      </c>
      <c r="DE36" s="24">
        <v>0</v>
      </c>
      <c r="DF36" s="24">
        <v>0</v>
      </c>
      <c r="DG36" s="24">
        <v>170</v>
      </c>
    </row>
    <row r="37" spans="1:111" ht="10" customHeight="1">
      <c r="A37" s="26"/>
      <c r="B37" s="115" t="s">
        <v>40</v>
      </c>
      <c r="C37" s="123"/>
      <c r="D37" s="98" t="s">
        <v>33</v>
      </c>
      <c r="E37" s="91"/>
      <c r="F37" s="24">
        <v>295080</v>
      </c>
      <c r="G37" s="24">
        <v>39542</v>
      </c>
      <c r="H37" s="24">
        <v>117360</v>
      </c>
      <c r="I37" s="24">
        <v>544147</v>
      </c>
      <c r="J37" s="24">
        <v>101232</v>
      </c>
      <c r="K37" s="24">
        <v>11736</v>
      </c>
      <c r="L37" s="24">
        <v>10886</v>
      </c>
      <c r="M37" s="24">
        <v>15782</v>
      </c>
      <c r="N37" s="24">
        <v>0</v>
      </c>
      <c r="O37" s="24">
        <v>0</v>
      </c>
      <c r="P37" s="24">
        <v>7920</v>
      </c>
      <c r="Q37" s="24">
        <v>0</v>
      </c>
      <c r="R37" s="24">
        <v>0</v>
      </c>
      <c r="S37" s="24">
        <v>5745</v>
      </c>
      <c r="T37" s="24">
        <v>117408</v>
      </c>
      <c r="U37" s="24">
        <v>0</v>
      </c>
      <c r="V37" s="24">
        <v>147504</v>
      </c>
      <c r="W37" s="24">
        <v>0</v>
      </c>
      <c r="X37" s="24">
        <v>207662</v>
      </c>
      <c r="Y37" s="24">
        <v>254016</v>
      </c>
      <c r="Z37" s="24">
        <v>97056</v>
      </c>
      <c r="AA37" s="24">
        <v>0</v>
      </c>
      <c r="AB37" s="24">
        <v>15840</v>
      </c>
      <c r="AC37" s="24">
        <v>19872</v>
      </c>
      <c r="AD37" s="24">
        <v>0</v>
      </c>
      <c r="AE37" s="24">
        <v>0</v>
      </c>
      <c r="AF37" s="24">
        <v>19584</v>
      </c>
      <c r="AG37" s="24">
        <v>58147</v>
      </c>
      <c r="AH37" s="24">
        <v>6825</v>
      </c>
      <c r="AI37" s="24">
        <v>14520</v>
      </c>
      <c r="AJ37" s="24">
        <v>0</v>
      </c>
      <c r="AK37" s="24">
        <v>11664</v>
      </c>
      <c r="AL37" s="24">
        <v>7517</v>
      </c>
      <c r="AM37" s="24">
        <v>36144</v>
      </c>
      <c r="AN37" s="24">
        <v>4608</v>
      </c>
      <c r="AO37" s="24">
        <v>0</v>
      </c>
      <c r="AP37" s="24">
        <v>0</v>
      </c>
      <c r="AQ37" s="24">
        <v>13522</v>
      </c>
      <c r="AR37" s="24">
        <v>12528</v>
      </c>
      <c r="AS37" s="24">
        <v>17539</v>
      </c>
      <c r="AT37" s="24">
        <v>0</v>
      </c>
      <c r="AU37" s="24">
        <v>0</v>
      </c>
      <c r="AV37" s="24">
        <v>0</v>
      </c>
      <c r="AW37" s="24">
        <v>0</v>
      </c>
      <c r="AX37" s="24">
        <v>0</v>
      </c>
      <c r="AY37" s="24">
        <v>0</v>
      </c>
      <c r="AZ37" s="24">
        <v>0</v>
      </c>
      <c r="BA37" s="24">
        <v>0</v>
      </c>
      <c r="BB37" s="24">
        <v>0</v>
      </c>
      <c r="BC37" s="24">
        <v>14400</v>
      </c>
      <c r="BD37" s="24">
        <v>43200</v>
      </c>
      <c r="BE37" s="24">
        <v>7790</v>
      </c>
      <c r="BF37" s="24">
        <v>13968</v>
      </c>
      <c r="BG37" s="24">
        <v>29088</v>
      </c>
      <c r="BH37" s="24"/>
      <c r="BI37" s="24">
        <v>0</v>
      </c>
      <c r="BJ37" s="24">
        <v>0</v>
      </c>
      <c r="BK37" s="24">
        <v>0</v>
      </c>
      <c r="BL37" s="24">
        <v>0</v>
      </c>
      <c r="BM37" s="24">
        <v>0</v>
      </c>
      <c r="BN37" s="24">
        <v>0</v>
      </c>
      <c r="BO37" s="24">
        <v>0</v>
      </c>
      <c r="BP37" s="24">
        <v>0</v>
      </c>
      <c r="BQ37" s="24">
        <v>0</v>
      </c>
      <c r="BR37" s="24">
        <v>0</v>
      </c>
      <c r="BS37" s="24">
        <v>0</v>
      </c>
      <c r="BT37" s="24">
        <v>6192</v>
      </c>
      <c r="BU37" s="24"/>
      <c r="BV37" s="24">
        <v>0</v>
      </c>
      <c r="BW37" s="24">
        <v>0</v>
      </c>
      <c r="BX37" s="24">
        <v>0</v>
      </c>
      <c r="BY37" s="24">
        <v>0</v>
      </c>
      <c r="BZ37" s="24">
        <v>0</v>
      </c>
      <c r="CA37" s="24">
        <v>0</v>
      </c>
      <c r="CB37" s="24">
        <v>0</v>
      </c>
      <c r="CC37" s="24">
        <v>0</v>
      </c>
      <c r="CD37" s="24">
        <v>0</v>
      </c>
      <c r="CE37" s="24">
        <v>0</v>
      </c>
      <c r="CF37" s="24">
        <v>0</v>
      </c>
      <c r="CG37" s="24">
        <v>0</v>
      </c>
      <c r="CH37" s="24">
        <v>0</v>
      </c>
      <c r="CI37" s="24">
        <v>0</v>
      </c>
      <c r="CJ37" s="24">
        <v>0</v>
      </c>
      <c r="CK37" s="24">
        <v>0</v>
      </c>
      <c r="CL37" s="24">
        <v>0</v>
      </c>
      <c r="CM37" s="24">
        <v>0</v>
      </c>
      <c r="CN37" s="24">
        <v>0</v>
      </c>
      <c r="CO37" s="24">
        <v>0</v>
      </c>
      <c r="CP37" s="24">
        <v>0</v>
      </c>
      <c r="CQ37" s="24">
        <v>0</v>
      </c>
      <c r="CR37" s="24">
        <v>0</v>
      </c>
      <c r="CS37" s="24"/>
      <c r="CT37" s="24">
        <v>0</v>
      </c>
      <c r="CU37" s="24">
        <v>0</v>
      </c>
      <c r="CV37" s="24">
        <v>0</v>
      </c>
      <c r="CW37" s="24">
        <v>0</v>
      </c>
      <c r="CX37" s="24">
        <v>0</v>
      </c>
      <c r="CY37" s="24">
        <v>0</v>
      </c>
      <c r="CZ37" s="24">
        <v>0</v>
      </c>
      <c r="DA37" s="24">
        <v>0</v>
      </c>
      <c r="DB37" s="24">
        <v>0</v>
      </c>
      <c r="DC37" s="24">
        <v>0</v>
      </c>
      <c r="DD37" s="24">
        <v>0</v>
      </c>
      <c r="DE37" s="24">
        <v>0</v>
      </c>
      <c r="DF37" s="24"/>
      <c r="DG37" s="24"/>
    </row>
    <row r="38" spans="1:111" ht="10" customHeight="1">
      <c r="A38" s="32"/>
      <c r="B38" s="124"/>
      <c r="C38" s="125"/>
      <c r="D38" s="98" t="s">
        <v>34</v>
      </c>
      <c r="E38" s="91"/>
      <c r="F38" s="24">
        <v>441</v>
      </c>
      <c r="G38" s="24">
        <v>861</v>
      </c>
      <c r="H38" s="24">
        <v>1500</v>
      </c>
      <c r="I38" s="24">
        <v>3659</v>
      </c>
      <c r="J38" s="24">
        <v>994</v>
      </c>
      <c r="K38" s="24">
        <v>0</v>
      </c>
      <c r="L38" s="24">
        <v>8</v>
      </c>
      <c r="M38" s="24">
        <v>0</v>
      </c>
      <c r="N38" s="24">
        <v>0</v>
      </c>
      <c r="O38" s="24">
        <v>0</v>
      </c>
      <c r="P38" s="24">
        <v>660</v>
      </c>
      <c r="Q38" s="24">
        <v>0</v>
      </c>
      <c r="R38" s="24">
        <v>0</v>
      </c>
      <c r="S38" s="24">
        <v>0</v>
      </c>
      <c r="T38" s="24">
        <v>0</v>
      </c>
      <c r="U38" s="24">
        <v>0</v>
      </c>
      <c r="V38" s="24">
        <v>0</v>
      </c>
      <c r="W38" s="24">
        <v>0</v>
      </c>
      <c r="X38" s="24">
        <v>0</v>
      </c>
      <c r="Y38" s="24">
        <v>1160</v>
      </c>
      <c r="Z38" s="24">
        <v>1285</v>
      </c>
      <c r="AA38" s="24">
        <v>0</v>
      </c>
      <c r="AB38" s="24">
        <v>0</v>
      </c>
      <c r="AC38" s="24">
        <v>815</v>
      </c>
      <c r="AD38" s="24">
        <v>0</v>
      </c>
      <c r="AE38" s="24">
        <v>0</v>
      </c>
      <c r="AF38" s="24">
        <v>0</v>
      </c>
      <c r="AG38" s="24">
        <v>1153</v>
      </c>
      <c r="AH38" s="24">
        <v>0</v>
      </c>
      <c r="AI38" s="24">
        <v>744</v>
      </c>
      <c r="AJ38" s="24">
        <v>0</v>
      </c>
      <c r="AK38" s="24">
        <v>0</v>
      </c>
      <c r="AL38" s="24">
        <v>0</v>
      </c>
      <c r="AM38" s="24">
        <v>25</v>
      </c>
      <c r="AN38" s="24">
        <v>0</v>
      </c>
      <c r="AO38" s="24">
        <v>0</v>
      </c>
      <c r="AP38" s="24">
        <v>0</v>
      </c>
      <c r="AQ38" s="24">
        <v>0</v>
      </c>
      <c r="AR38" s="24">
        <v>0</v>
      </c>
      <c r="AS38" s="24">
        <v>0</v>
      </c>
      <c r="AT38" s="24">
        <v>0</v>
      </c>
      <c r="AU38" s="24">
        <v>0</v>
      </c>
      <c r="AV38" s="24">
        <v>0</v>
      </c>
      <c r="AW38" s="24">
        <v>0</v>
      </c>
      <c r="AX38" s="24">
        <v>0</v>
      </c>
      <c r="AY38" s="24">
        <v>0</v>
      </c>
      <c r="AZ38" s="24">
        <v>0</v>
      </c>
      <c r="BA38" s="24">
        <v>0</v>
      </c>
      <c r="BB38" s="24">
        <v>0</v>
      </c>
      <c r="BC38" s="24">
        <v>0</v>
      </c>
      <c r="BD38" s="24">
        <v>0</v>
      </c>
      <c r="BE38" s="24">
        <v>0</v>
      </c>
      <c r="BF38" s="24">
        <v>1402</v>
      </c>
      <c r="BG38" s="24">
        <v>0</v>
      </c>
      <c r="BH38" s="24"/>
      <c r="BI38" s="24">
        <v>0</v>
      </c>
      <c r="BJ38" s="24">
        <v>0</v>
      </c>
      <c r="BK38" s="24">
        <v>0</v>
      </c>
      <c r="BL38" s="24">
        <v>0</v>
      </c>
      <c r="BM38" s="24">
        <v>0</v>
      </c>
      <c r="BN38" s="24">
        <v>0</v>
      </c>
      <c r="BO38" s="24">
        <v>0</v>
      </c>
      <c r="BP38" s="24">
        <v>0</v>
      </c>
      <c r="BQ38" s="24">
        <v>0</v>
      </c>
      <c r="BR38" s="24">
        <v>0</v>
      </c>
      <c r="BS38" s="24">
        <v>0</v>
      </c>
      <c r="BT38" s="24">
        <v>0</v>
      </c>
      <c r="BU38" s="24"/>
      <c r="BV38" s="24">
        <v>0</v>
      </c>
      <c r="BW38" s="24">
        <v>0</v>
      </c>
      <c r="BX38" s="24">
        <v>0</v>
      </c>
      <c r="BY38" s="24">
        <v>0</v>
      </c>
      <c r="BZ38" s="24">
        <v>0</v>
      </c>
      <c r="CA38" s="24">
        <v>0</v>
      </c>
      <c r="CB38" s="24">
        <v>0</v>
      </c>
      <c r="CC38" s="24">
        <v>0</v>
      </c>
      <c r="CD38" s="24">
        <v>0</v>
      </c>
      <c r="CE38" s="24">
        <v>0</v>
      </c>
      <c r="CF38" s="24">
        <v>0</v>
      </c>
      <c r="CG38" s="24">
        <v>0</v>
      </c>
      <c r="CH38" s="24">
        <v>0</v>
      </c>
      <c r="CI38" s="24">
        <v>0</v>
      </c>
      <c r="CJ38" s="24">
        <v>0</v>
      </c>
      <c r="CK38" s="24">
        <v>0</v>
      </c>
      <c r="CL38" s="24">
        <v>0</v>
      </c>
      <c r="CM38" s="24">
        <v>0</v>
      </c>
      <c r="CN38" s="24">
        <v>0</v>
      </c>
      <c r="CO38" s="24">
        <v>0</v>
      </c>
      <c r="CP38" s="24">
        <v>0</v>
      </c>
      <c r="CQ38" s="24">
        <v>0</v>
      </c>
      <c r="CR38" s="24">
        <v>0</v>
      </c>
      <c r="CS38" s="24"/>
      <c r="CT38" s="24">
        <v>0</v>
      </c>
      <c r="CU38" s="24">
        <v>0</v>
      </c>
      <c r="CV38" s="24">
        <v>0</v>
      </c>
      <c r="CW38" s="24">
        <v>0</v>
      </c>
      <c r="CX38" s="24">
        <v>0</v>
      </c>
      <c r="CY38" s="24">
        <v>0</v>
      </c>
      <c r="CZ38" s="24">
        <v>0</v>
      </c>
      <c r="DA38" s="24">
        <v>0</v>
      </c>
      <c r="DB38" s="24">
        <v>0</v>
      </c>
      <c r="DC38" s="24">
        <v>0</v>
      </c>
      <c r="DD38" s="24">
        <v>0</v>
      </c>
      <c r="DE38" s="24">
        <v>0</v>
      </c>
      <c r="DF38" s="24"/>
      <c r="DG38" s="24"/>
    </row>
    <row r="39" spans="1:111" ht="10" customHeight="1">
      <c r="A39" s="100" t="s">
        <v>41</v>
      </c>
      <c r="B39" s="119" t="s">
        <v>42</v>
      </c>
      <c r="C39" s="120"/>
      <c r="D39" s="120"/>
      <c r="E39" s="121"/>
      <c r="F39" s="24">
        <v>83</v>
      </c>
      <c r="G39" s="24">
        <v>46</v>
      </c>
      <c r="H39" s="24">
        <v>15</v>
      </c>
      <c r="I39" s="24">
        <v>61</v>
      </c>
      <c r="J39" s="24">
        <v>7</v>
      </c>
      <c r="K39" s="24">
        <v>12</v>
      </c>
      <c r="L39" s="24">
        <v>42</v>
      </c>
      <c r="M39" s="24">
        <v>8</v>
      </c>
      <c r="N39" s="24">
        <v>6</v>
      </c>
      <c r="O39" s="24">
        <v>8</v>
      </c>
      <c r="P39" s="24">
        <v>14</v>
      </c>
      <c r="Q39" s="24">
        <v>7</v>
      </c>
      <c r="R39" s="24">
        <v>12</v>
      </c>
      <c r="S39" s="24">
        <v>4</v>
      </c>
      <c r="T39" s="24">
        <v>7</v>
      </c>
      <c r="U39" s="24">
        <v>9</v>
      </c>
      <c r="V39" s="24">
        <v>11</v>
      </c>
      <c r="W39" s="24">
        <v>15</v>
      </c>
      <c r="X39" s="24">
        <v>19</v>
      </c>
      <c r="Y39" s="24">
        <v>7</v>
      </c>
      <c r="Z39" s="24">
        <v>9</v>
      </c>
      <c r="AA39" s="24">
        <v>12</v>
      </c>
      <c r="AB39" s="24">
        <v>11</v>
      </c>
      <c r="AC39" s="24">
        <v>9</v>
      </c>
      <c r="AD39" s="24">
        <v>6</v>
      </c>
      <c r="AE39" s="24">
        <v>12</v>
      </c>
      <c r="AF39" s="24">
        <v>7</v>
      </c>
      <c r="AG39" s="24">
        <v>14</v>
      </c>
      <c r="AH39" s="24">
        <v>4</v>
      </c>
      <c r="AI39" s="24">
        <v>10</v>
      </c>
      <c r="AJ39" s="24">
        <v>6</v>
      </c>
      <c r="AK39" s="24">
        <v>9</v>
      </c>
      <c r="AL39" s="24">
        <v>4</v>
      </c>
      <c r="AM39" s="24">
        <v>4</v>
      </c>
      <c r="AN39" s="24">
        <v>9</v>
      </c>
      <c r="AO39" s="24">
        <v>5</v>
      </c>
      <c r="AP39" s="24">
        <v>8</v>
      </c>
      <c r="AQ39" s="24">
        <v>5</v>
      </c>
      <c r="AR39" s="24">
        <v>4</v>
      </c>
      <c r="AS39" s="24">
        <v>3</v>
      </c>
      <c r="AT39" s="24">
        <v>2</v>
      </c>
      <c r="AU39" s="24">
        <v>4</v>
      </c>
      <c r="AV39" s="24">
        <v>3</v>
      </c>
      <c r="AW39" s="24">
        <v>2</v>
      </c>
      <c r="AX39" s="24">
        <v>1</v>
      </c>
      <c r="AY39" s="24">
        <v>2</v>
      </c>
      <c r="AZ39" s="24">
        <v>1</v>
      </c>
      <c r="BA39" s="24">
        <v>2</v>
      </c>
      <c r="BB39" s="24">
        <v>1</v>
      </c>
      <c r="BC39" s="24">
        <v>2</v>
      </c>
      <c r="BD39" s="24">
        <v>4</v>
      </c>
      <c r="BE39" s="24">
        <v>5</v>
      </c>
      <c r="BF39" s="24">
        <v>33</v>
      </c>
      <c r="BG39" s="24">
        <v>14</v>
      </c>
      <c r="BH39" s="24">
        <v>620</v>
      </c>
      <c r="BI39" s="24">
        <v>0</v>
      </c>
      <c r="BJ39" s="24">
        <v>0</v>
      </c>
      <c r="BK39" s="24">
        <v>0</v>
      </c>
      <c r="BL39" s="24">
        <v>0</v>
      </c>
      <c r="BM39" s="24">
        <v>1</v>
      </c>
      <c r="BN39" s="24">
        <v>1</v>
      </c>
      <c r="BO39" s="24">
        <v>1</v>
      </c>
      <c r="BP39" s="24">
        <v>3</v>
      </c>
      <c r="BQ39" s="24">
        <v>1</v>
      </c>
      <c r="BR39" s="24">
        <v>0</v>
      </c>
      <c r="BS39" s="24">
        <v>0</v>
      </c>
      <c r="BT39" s="24">
        <v>7</v>
      </c>
      <c r="BU39" s="24">
        <v>14</v>
      </c>
      <c r="BV39" s="24">
        <v>4</v>
      </c>
      <c r="BW39" s="24">
        <v>0</v>
      </c>
      <c r="BX39" s="24">
        <v>4</v>
      </c>
      <c r="BY39" s="24">
        <v>2</v>
      </c>
      <c r="BZ39" s="24">
        <v>1</v>
      </c>
      <c r="CA39" s="24">
        <v>3</v>
      </c>
      <c r="CB39" s="24">
        <v>2</v>
      </c>
      <c r="CC39" s="24">
        <v>0</v>
      </c>
      <c r="CD39" s="24">
        <v>1</v>
      </c>
      <c r="CE39" s="24">
        <v>1</v>
      </c>
      <c r="CF39" s="24">
        <v>1</v>
      </c>
      <c r="CG39" s="24">
        <v>1</v>
      </c>
      <c r="CH39" s="24">
        <v>1</v>
      </c>
      <c r="CI39" s="24">
        <v>0</v>
      </c>
      <c r="CJ39" s="24">
        <v>1</v>
      </c>
      <c r="CK39" s="24">
        <v>1</v>
      </c>
      <c r="CL39" s="24">
        <v>1</v>
      </c>
      <c r="CM39" s="24">
        <v>1</v>
      </c>
      <c r="CN39" s="24">
        <v>3</v>
      </c>
      <c r="CO39" s="24">
        <v>1</v>
      </c>
      <c r="CP39" s="24">
        <v>2</v>
      </c>
      <c r="CQ39" s="24">
        <v>1</v>
      </c>
      <c r="CR39" s="24">
        <v>0</v>
      </c>
      <c r="CS39" s="24">
        <v>32</v>
      </c>
      <c r="CT39" s="24">
        <v>2</v>
      </c>
      <c r="CU39" s="24">
        <v>1</v>
      </c>
      <c r="CV39" s="24">
        <v>1</v>
      </c>
      <c r="CW39" s="24">
        <v>1</v>
      </c>
      <c r="CX39" s="24">
        <v>1</v>
      </c>
      <c r="CY39" s="24">
        <v>1</v>
      </c>
      <c r="CZ39" s="24">
        <v>3</v>
      </c>
      <c r="DA39" s="24">
        <v>1</v>
      </c>
      <c r="DB39" s="24">
        <v>2</v>
      </c>
      <c r="DC39" s="24">
        <v>2</v>
      </c>
      <c r="DD39" s="24">
        <v>1</v>
      </c>
      <c r="DE39" s="24">
        <v>1</v>
      </c>
      <c r="DF39" s="24">
        <v>17</v>
      </c>
      <c r="DG39" s="24">
        <v>683</v>
      </c>
    </row>
    <row r="40" spans="1:111" ht="10" customHeight="1">
      <c r="A40" s="100"/>
      <c r="B40" s="98" t="s">
        <v>43</v>
      </c>
      <c r="C40" s="90"/>
      <c r="D40" s="90"/>
      <c r="E40" s="91"/>
      <c r="F40" s="24">
        <v>80</v>
      </c>
      <c r="G40" s="24">
        <v>19</v>
      </c>
      <c r="H40" s="24">
        <v>6</v>
      </c>
      <c r="I40" s="24">
        <v>18</v>
      </c>
      <c r="J40" s="24">
        <v>4</v>
      </c>
      <c r="K40" s="24">
        <v>2</v>
      </c>
      <c r="L40" s="24">
        <v>23</v>
      </c>
      <c r="M40" s="24">
        <v>7</v>
      </c>
      <c r="N40" s="24">
        <v>6</v>
      </c>
      <c r="O40" s="24">
        <v>7</v>
      </c>
      <c r="P40" s="24">
        <v>5</v>
      </c>
      <c r="Q40" s="24">
        <v>4</v>
      </c>
      <c r="R40" s="24">
        <v>10</v>
      </c>
      <c r="S40" s="24">
        <v>1</v>
      </c>
      <c r="T40" s="24">
        <v>4</v>
      </c>
      <c r="U40" s="24">
        <v>8</v>
      </c>
      <c r="V40" s="24">
        <v>15</v>
      </c>
      <c r="W40" s="24">
        <v>6</v>
      </c>
      <c r="X40" s="24">
        <v>5</v>
      </c>
      <c r="Y40" s="24">
        <v>3</v>
      </c>
      <c r="Z40" s="24">
        <v>4</v>
      </c>
      <c r="AA40" s="24">
        <v>8</v>
      </c>
      <c r="AB40" s="24">
        <v>3</v>
      </c>
      <c r="AC40" s="24">
        <v>0</v>
      </c>
      <c r="AD40" s="24">
        <v>5</v>
      </c>
      <c r="AE40" s="24">
        <v>7</v>
      </c>
      <c r="AF40" s="24">
        <v>3</v>
      </c>
      <c r="AG40" s="24">
        <v>4</v>
      </c>
      <c r="AH40" s="24">
        <v>2</v>
      </c>
      <c r="AI40" s="24">
        <v>9</v>
      </c>
      <c r="AJ40" s="24">
        <v>8</v>
      </c>
      <c r="AK40" s="24">
        <v>8</v>
      </c>
      <c r="AL40" s="24">
        <v>2</v>
      </c>
      <c r="AM40" s="24">
        <v>4</v>
      </c>
      <c r="AN40" s="24">
        <v>1</v>
      </c>
      <c r="AO40" s="24">
        <v>4</v>
      </c>
      <c r="AP40" s="24">
        <v>3</v>
      </c>
      <c r="AQ40" s="24">
        <v>2</v>
      </c>
      <c r="AR40" s="24">
        <v>0</v>
      </c>
      <c r="AS40" s="24">
        <v>1</v>
      </c>
      <c r="AT40" s="24">
        <v>0</v>
      </c>
      <c r="AU40" s="24">
        <v>0</v>
      </c>
      <c r="AV40" s="24">
        <v>1</v>
      </c>
      <c r="AW40" s="24">
        <v>1</v>
      </c>
      <c r="AX40" s="24">
        <v>1</v>
      </c>
      <c r="AY40" s="24">
        <v>0</v>
      </c>
      <c r="AZ40" s="24">
        <v>0</v>
      </c>
      <c r="BA40" s="24">
        <v>2</v>
      </c>
      <c r="BB40" s="24">
        <v>1</v>
      </c>
      <c r="BC40" s="24">
        <v>0</v>
      </c>
      <c r="BD40" s="24">
        <v>2</v>
      </c>
      <c r="BE40" s="24">
        <v>0</v>
      </c>
      <c r="BF40" s="24">
        <v>13</v>
      </c>
      <c r="BG40" s="24">
        <v>4</v>
      </c>
      <c r="BH40" s="24">
        <v>336</v>
      </c>
      <c r="BI40" s="24">
        <v>0</v>
      </c>
      <c r="BJ40" s="24">
        <v>0</v>
      </c>
      <c r="BK40" s="24">
        <v>0</v>
      </c>
      <c r="BL40" s="24">
        <v>3</v>
      </c>
      <c r="BM40" s="24">
        <v>1</v>
      </c>
      <c r="BN40" s="24">
        <v>0</v>
      </c>
      <c r="BO40" s="24">
        <v>1</v>
      </c>
      <c r="BP40" s="24">
        <v>1</v>
      </c>
      <c r="BQ40" s="24">
        <v>0</v>
      </c>
      <c r="BR40" s="24">
        <v>0</v>
      </c>
      <c r="BS40" s="24">
        <v>0</v>
      </c>
      <c r="BT40" s="24">
        <v>1</v>
      </c>
      <c r="BU40" s="24">
        <v>7</v>
      </c>
      <c r="BV40" s="24">
        <v>0</v>
      </c>
      <c r="BW40" s="24">
        <v>1</v>
      </c>
      <c r="BX40" s="24">
        <v>0</v>
      </c>
      <c r="BY40" s="24">
        <v>0</v>
      </c>
      <c r="BZ40" s="24">
        <v>0</v>
      </c>
      <c r="CA40" s="24">
        <v>2</v>
      </c>
      <c r="CB40" s="24">
        <v>0</v>
      </c>
      <c r="CC40" s="24">
        <v>0</v>
      </c>
      <c r="CD40" s="24">
        <v>0</v>
      </c>
      <c r="CE40" s="24">
        <v>0</v>
      </c>
      <c r="CF40" s="24">
        <v>0</v>
      </c>
      <c r="CG40" s="24">
        <v>0</v>
      </c>
      <c r="CH40" s="24">
        <v>0</v>
      </c>
      <c r="CI40" s="24">
        <v>0</v>
      </c>
      <c r="CJ40" s="24">
        <v>0</v>
      </c>
      <c r="CK40" s="24">
        <v>0</v>
      </c>
      <c r="CL40" s="24">
        <v>2</v>
      </c>
      <c r="CM40" s="24">
        <v>0</v>
      </c>
      <c r="CN40" s="24">
        <v>0</v>
      </c>
      <c r="CO40" s="24">
        <v>0</v>
      </c>
      <c r="CP40" s="24">
        <v>0</v>
      </c>
      <c r="CQ40" s="24">
        <v>0</v>
      </c>
      <c r="CR40" s="24">
        <v>0</v>
      </c>
      <c r="CS40" s="24">
        <v>5</v>
      </c>
      <c r="CT40" s="24">
        <v>0</v>
      </c>
      <c r="CU40" s="24">
        <v>0</v>
      </c>
      <c r="CV40" s="24">
        <v>0</v>
      </c>
      <c r="CW40" s="24">
        <v>0</v>
      </c>
      <c r="CX40" s="24">
        <v>0</v>
      </c>
      <c r="CY40" s="24">
        <v>0</v>
      </c>
      <c r="CZ40" s="24">
        <v>0</v>
      </c>
      <c r="DA40" s="24">
        <v>0</v>
      </c>
      <c r="DB40" s="24">
        <v>0</v>
      </c>
      <c r="DC40" s="24">
        <v>0</v>
      </c>
      <c r="DD40" s="24">
        <v>0</v>
      </c>
      <c r="DE40" s="24">
        <v>0</v>
      </c>
      <c r="DF40" s="24">
        <v>0</v>
      </c>
      <c r="DG40" s="24">
        <v>348</v>
      </c>
    </row>
    <row r="41" spans="1:111" ht="10" customHeight="1">
      <c r="A41" s="101"/>
      <c r="B41" s="98" t="s">
        <v>44</v>
      </c>
      <c r="C41" s="90"/>
      <c r="D41" s="90"/>
      <c r="E41" s="91"/>
      <c r="F41" s="24">
        <v>163</v>
      </c>
      <c r="G41" s="24">
        <v>65</v>
      </c>
      <c r="H41" s="24">
        <v>21</v>
      </c>
      <c r="I41" s="24">
        <v>79</v>
      </c>
      <c r="J41" s="24">
        <v>11</v>
      </c>
      <c r="K41" s="24">
        <v>14</v>
      </c>
      <c r="L41" s="24">
        <v>65</v>
      </c>
      <c r="M41" s="24">
        <v>15</v>
      </c>
      <c r="N41" s="24">
        <v>12</v>
      </c>
      <c r="O41" s="24">
        <v>15</v>
      </c>
      <c r="P41" s="24">
        <v>19</v>
      </c>
      <c r="Q41" s="24">
        <v>11</v>
      </c>
      <c r="R41" s="24">
        <v>22</v>
      </c>
      <c r="S41" s="24">
        <v>5</v>
      </c>
      <c r="T41" s="24">
        <v>11</v>
      </c>
      <c r="U41" s="24">
        <v>17</v>
      </c>
      <c r="V41" s="24">
        <v>26</v>
      </c>
      <c r="W41" s="24">
        <v>21</v>
      </c>
      <c r="X41" s="24">
        <v>24</v>
      </c>
      <c r="Y41" s="24">
        <v>10</v>
      </c>
      <c r="Z41" s="24">
        <v>13</v>
      </c>
      <c r="AA41" s="24">
        <v>20</v>
      </c>
      <c r="AB41" s="24">
        <v>14</v>
      </c>
      <c r="AC41" s="24">
        <v>9</v>
      </c>
      <c r="AD41" s="24">
        <v>11</v>
      </c>
      <c r="AE41" s="24">
        <v>19</v>
      </c>
      <c r="AF41" s="24">
        <v>10</v>
      </c>
      <c r="AG41" s="24">
        <v>18</v>
      </c>
      <c r="AH41" s="24">
        <v>6</v>
      </c>
      <c r="AI41" s="24">
        <v>19</v>
      </c>
      <c r="AJ41" s="24">
        <v>14</v>
      </c>
      <c r="AK41" s="24">
        <v>17</v>
      </c>
      <c r="AL41" s="24">
        <v>6</v>
      </c>
      <c r="AM41" s="24">
        <v>8</v>
      </c>
      <c r="AN41" s="24">
        <v>10</v>
      </c>
      <c r="AO41" s="24">
        <v>9</v>
      </c>
      <c r="AP41" s="24">
        <v>11</v>
      </c>
      <c r="AQ41" s="24">
        <v>7</v>
      </c>
      <c r="AR41" s="24">
        <v>4</v>
      </c>
      <c r="AS41" s="24">
        <v>4</v>
      </c>
      <c r="AT41" s="24">
        <v>2</v>
      </c>
      <c r="AU41" s="24">
        <v>4</v>
      </c>
      <c r="AV41" s="24">
        <v>4</v>
      </c>
      <c r="AW41" s="24">
        <v>3</v>
      </c>
      <c r="AX41" s="24">
        <v>2</v>
      </c>
      <c r="AY41" s="24">
        <v>2</v>
      </c>
      <c r="AZ41" s="24">
        <v>1</v>
      </c>
      <c r="BA41" s="24">
        <v>4</v>
      </c>
      <c r="BB41" s="24">
        <v>2</v>
      </c>
      <c r="BC41" s="24">
        <v>2</v>
      </c>
      <c r="BD41" s="24">
        <v>6</v>
      </c>
      <c r="BE41" s="24">
        <v>5</v>
      </c>
      <c r="BF41" s="24">
        <v>46</v>
      </c>
      <c r="BG41" s="24">
        <v>18</v>
      </c>
      <c r="BH41" s="24">
        <v>956</v>
      </c>
      <c r="BI41" s="24">
        <v>0</v>
      </c>
      <c r="BJ41" s="24">
        <v>0</v>
      </c>
      <c r="BK41" s="24">
        <v>0</v>
      </c>
      <c r="BL41" s="24">
        <v>3</v>
      </c>
      <c r="BM41" s="24">
        <v>2</v>
      </c>
      <c r="BN41" s="24">
        <v>1</v>
      </c>
      <c r="BO41" s="24">
        <v>2</v>
      </c>
      <c r="BP41" s="24">
        <v>4</v>
      </c>
      <c r="BQ41" s="24">
        <v>1</v>
      </c>
      <c r="BR41" s="24">
        <v>0</v>
      </c>
      <c r="BS41" s="24">
        <v>0</v>
      </c>
      <c r="BT41" s="24">
        <v>8</v>
      </c>
      <c r="BU41" s="24">
        <v>21</v>
      </c>
      <c r="BV41" s="24">
        <v>4</v>
      </c>
      <c r="BW41" s="24">
        <v>1</v>
      </c>
      <c r="BX41" s="24">
        <v>4</v>
      </c>
      <c r="BY41" s="24">
        <v>2</v>
      </c>
      <c r="BZ41" s="24">
        <v>1</v>
      </c>
      <c r="CA41" s="24">
        <v>5</v>
      </c>
      <c r="CB41" s="24">
        <v>2</v>
      </c>
      <c r="CC41" s="24">
        <v>0</v>
      </c>
      <c r="CD41" s="24">
        <v>1</v>
      </c>
      <c r="CE41" s="24">
        <v>1</v>
      </c>
      <c r="CF41" s="24">
        <v>1</v>
      </c>
      <c r="CG41" s="24">
        <v>1</v>
      </c>
      <c r="CH41" s="24">
        <v>1</v>
      </c>
      <c r="CI41" s="24">
        <v>0</v>
      </c>
      <c r="CJ41" s="24">
        <v>1</v>
      </c>
      <c r="CK41" s="24">
        <v>1</v>
      </c>
      <c r="CL41" s="24">
        <v>3</v>
      </c>
      <c r="CM41" s="24">
        <v>1</v>
      </c>
      <c r="CN41" s="24">
        <v>3</v>
      </c>
      <c r="CO41" s="24">
        <v>1</v>
      </c>
      <c r="CP41" s="24">
        <v>2</v>
      </c>
      <c r="CQ41" s="24">
        <v>1</v>
      </c>
      <c r="CR41" s="24">
        <v>0</v>
      </c>
      <c r="CS41" s="24">
        <v>37</v>
      </c>
      <c r="CT41" s="24">
        <v>2</v>
      </c>
      <c r="CU41" s="24">
        <v>1</v>
      </c>
      <c r="CV41" s="24">
        <v>1</v>
      </c>
      <c r="CW41" s="24">
        <v>1</v>
      </c>
      <c r="CX41" s="24">
        <v>1</v>
      </c>
      <c r="CY41" s="24">
        <v>1</v>
      </c>
      <c r="CZ41" s="24">
        <v>3</v>
      </c>
      <c r="DA41" s="24">
        <v>1</v>
      </c>
      <c r="DB41" s="24">
        <v>2</v>
      </c>
      <c r="DC41" s="24">
        <v>2</v>
      </c>
      <c r="DD41" s="24">
        <v>1</v>
      </c>
      <c r="DE41" s="24">
        <v>1</v>
      </c>
      <c r="DF41" s="24">
        <v>17</v>
      </c>
      <c r="DG41" s="24">
        <v>1031</v>
      </c>
    </row>
    <row r="42" spans="1:111" ht="10" customHeight="1">
      <c r="A42" s="89" t="s">
        <v>45</v>
      </c>
      <c r="B42" s="90"/>
      <c r="C42" s="90"/>
      <c r="D42" s="90"/>
      <c r="E42" s="91"/>
      <c r="F42" s="33">
        <v>0.14285714285714285</v>
      </c>
      <c r="G42" s="33">
        <v>0.15663900414937759</v>
      </c>
      <c r="H42" s="33">
        <v>0.10873440285204991</v>
      </c>
      <c r="I42" s="33">
        <v>0.28846153846153844</v>
      </c>
      <c r="J42" s="33">
        <v>0.53256704980842917</v>
      </c>
      <c r="K42" s="33">
        <v>0.39719626168224298</v>
      </c>
      <c r="L42" s="33">
        <v>0.15240240240240241</v>
      </c>
      <c r="M42" s="33">
        <v>0.32191780821917809</v>
      </c>
      <c r="N42" s="33">
        <v>0</v>
      </c>
      <c r="O42" s="33">
        <v>0</v>
      </c>
      <c r="P42" s="33">
        <v>0.11551155115511551</v>
      </c>
      <c r="Q42" s="33">
        <v>0</v>
      </c>
      <c r="R42" s="33">
        <v>0</v>
      </c>
      <c r="S42" s="33">
        <v>0</v>
      </c>
      <c r="T42" s="33">
        <v>0</v>
      </c>
      <c r="U42" s="33">
        <v>0</v>
      </c>
      <c r="V42" s="33">
        <v>4.7559449311639551E-2</v>
      </c>
      <c r="W42" s="33">
        <v>0</v>
      </c>
      <c r="X42" s="33">
        <v>0</v>
      </c>
      <c r="Y42" s="33">
        <v>0.77900552486187846</v>
      </c>
      <c r="Z42" s="33">
        <v>0.30722891566265059</v>
      </c>
      <c r="AA42" s="33">
        <v>0</v>
      </c>
      <c r="AB42" s="33">
        <v>0</v>
      </c>
      <c r="AC42" s="33">
        <v>0</v>
      </c>
      <c r="AD42" s="33">
        <v>0</v>
      </c>
      <c r="AE42" s="33">
        <v>0</v>
      </c>
      <c r="AF42" s="33">
        <v>0</v>
      </c>
      <c r="AG42" s="33">
        <v>7.6754385964912283E-2</v>
      </c>
      <c r="AH42" s="33">
        <v>0</v>
      </c>
      <c r="AI42" s="33">
        <v>0</v>
      </c>
      <c r="AJ42" s="33">
        <v>0</v>
      </c>
      <c r="AK42" s="33">
        <v>0</v>
      </c>
      <c r="AL42" s="33">
        <v>0</v>
      </c>
      <c r="AM42" s="33">
        <v>0</v>
      </c>
      <c r="AN42" s="33">
        <v>0</v>
      </c>
      <c r="AO42" s="33">
        <v>0</v>
      </c>
      <c r="AP42" s="33">
        <v>0</v>
      </c>
      <c r="AQ42" s="33">
        <v>0</v>
      </c>
      <c r="AR42" s="33">
        <v>0</v>
      </c>
      <c r="AS42" s="33">
        <v>0</v>
      </c>
      <c r="AT42" s="33">
        <v>0</v>
      </c>
      <c r="AU42" s="33">
        <v>0</v>
      </c>
      <c r="AV42" s="33">
        <v>0</v>
      </c>
      <c r="AW42" s="33">
        <v>0</v>
      </c>
      <c r="AX42" s="33">
        <v>0</v>
      </c>
      <c r="AY42" s="33">
        <v>0</v>
      </c>
      <c r="AZ42" s="33">
        <v>0</v>
      </c>
      <c r="BA42" s="33">
        <v>0</v>
      </c>
      <c r="BB42" s="33">
        <v>0</v>
      </c>
      <c r="BC42" s="33">
        <v>0</v>
      </c>
      <c r="BD42" s="33">
        <v>0</v>
      </c>
      <c r="BE42" s="33">
        <v>0</v>
      </c>
      <c r="BF42" s="33">
        <v>0</v>
      </c>
      <c r="BG42" s="33">
        <v>0</v>
      </c>
      <c r="BH42" s="33">
        <v>8.8603603603603601E-2</v>
      </c>
      <c r="BI42" s="33">
        <v>0</v>
      </c>
      <c r="BJ42" s="33" t="s">
        <v>321</v>
      </c>
      <c r="BK42" s="33">
        <v>0</v>
      </c>
      <c r="BL42" s="33">
        <v>0</v>
      </c>
      <c r="BM42" s="33">
        <v>0</v>
      </c>
      <c r="BN42" s="33">
        <v>0</v>
      </c>
      <c r="BO42" s="33">
        <v>0</v>
      </c>
      <c r="BP42" s="33">
        <v>0</v>
      </c>
      <c r="BQ42" s="33">
        <v>0</v>
      </c>
      <c r="BR42" s="33">
        <v>0</v>
      </c>
      <c r="BS42" s="33">
        <v>0</v>
      </c>
      <c r="BT42" s="33">
        <v>0</v>
      </c>
      <c r="BU42" s="33">
        <v>0</v>
      </c>
      <c r="BV42" s="33">
        <v>0</v>
      </c>
      <c r="BW42" s="33">
        <v>0</v>
      </c>
      <c r="BX42" s="33">
        <v>0</v>
      </c>
      <c r="BY42" s="33">
        <v>0</v>
      </c>
      <c r="BZ42" s="33">
        <v>0</v>
      </c>
      <c r="CA42" s="33">
        <v>0</v>
      </c>
      <c r="CB42" s="33">
        <v>0</v>
      </c>
      <c r="CC42" s="33">
        <v>0</v>
      </c>
      <c r="CD42" s="33">
        <v>0</v>
      </c>
      <c r="CE42" s="33">
        <v>0</v>
      </c>
      <c r="CF42" s="33">
        <v>0</v>
      </c>
      <c r="CG42" s="33">
        <v>0</v>
      </c>
      <c r="CH42" s="33">
        <v>0</v>
      </c>
      <c r="CI42" s="33">
        <v>0</v>
      </c>
      <c r="CJ42" s="33">
        <v>0</v>
      </c>
      <c r="CK42" s="33">
        <v>0</v>
      </c>
      <c r="CL42" s="33">
        <v>0</v>
      </c>
      <c r="CM42" s="33">
        <v>0</v>
      </c>
      <c r="CN42" s="33">
        <v>0</v>
      </c>
      <c r="CO42" s="33">
        <v>0</v>
      </c>
      <c r="CP42" s="33">
        <v>0</v>
      </c>
      <c r="CQ42" s="33">
        <v>0</v>
      </c>
      <c r="CR42" s="33">
        <v>0</v>
      </c>
      <c r="CS42" s="33">
        <v>0</v>
      </c>
      <c r="CT42" s="33" t="s">
        <v>321</v>
      </c>
      <c r="CU42" s="33" t="s">
        <v>321</v>
      </c>
      <c r="CV42" s="33" t="s">
        <v>321</v>
      </c>
      <c r="CW42" s="33" t="s">
        <v>321</v>
      </c>
      <c r="CX42" s="33" t="s">
        <v>321</v>
      </c>
      <c r="CY42" s="33" t="s">
        <v>321</v>
      </c>
      <c r="CZ42" s="33" t="s">
        <v>321</v>
      </c>
      <c r="DA42" s="33" t="s">
        <v>321</v>
      </c>
      <c r="DB42" s="33" t="s">
        <v>321</v>
      </c>
      <c r="DC42" s="33" t="s">
        <v>321</v>
      </c>
      <c r="DD42" s="33" t="s">
        <v>321</v>
      </c>
      <c r="DE42" s="33" t="s">
        <v>321</v>
      </c>
      <c r="DF42" s="33"/>
      <c r="DG42" s="33">
        <v>8.3167730751342442E-2</v>
      </c>
    </row>
    <row r="43" spans="1:111" ht="10" customHeight="1">
      <c r="A43" s="89" t="s">
        <v>149</v>
      </c>
      <c r="B43" s="90"/>
      <c r="C43" s="90"/>
      <c r="D43" s="90"/>
      <c r="E43" s="91"/>
      <c r="F43" s="34">
        <v>102.12442505947661</v>
      </c>
      <c r="G43" s="34">
        <v>81.651746442432085</v>
      </c>
      <c r="H43" s="34">
        <v>46.670223084384091</v>
      </c>
      <c r="I43" s="34">
        <v>122.96505559337417</v>
      </c>
      <c r="J43" s="34">
        <v>46.839416058394164</v>
      </c>
      <c r="K43" s="34">
        <v>33.142126789366053</v>
      </c>
      <c r="L43" s="34">
        <v>97.263408820023841</v>
      </c>
      <c r="M43" s="34">
        <v>52.998120300751879</v>
      </c>
      <c r="N43" s="34">
        <v>55.466603951081844</v>
      </c>
      <c r="O43" s="34">
        <v>38.764943457189013</v>
      </c>
      <c r="P43" s="34">
        <v>46.459203036053133</v>
      </c>
      <c r="Q43" s="34">
        <v>91.312444836716679</v>
      </c>
      <c r="R43" s="34">
        <v>71.803303303303309</v>
      </c>
      <c r="S43" s="34">
        <v>42.091880341880341</v>
      </c>
      <c r="T43" s="34">
        <v>61.060367454068242</v>
      </c>
      <c r="U43" s="34">
        <v>42.950100806451616</v>
      </c>
      <c r="V43" s="34">
        <v>78.96903533148074</v>
      </c>
      <c r="W43" s="34">
        <v>100.98041615667074</v>
      </c>
      <c r="X43" s="34">
        <v>103.69647988505747</v>
      </c>
      <c r="Y43" s="34">
        <v>153.81120331950208</v>
      </c>
      <c r="Z43" s="34">
        <v>107.62608695652175</v>
      </c>
      <c r="AA43" s="34">
        <v>78.824004975124382</v>
      </c>
      <c r="AB43" s="34">
        <v>129.7831215970962</v>
      </c>
      <c r="AC43" s="34">
        <v>120.80732484076434</v>
      </c>
      <c r="AD43" s="34">
        <v>106.8974025974026</v>
      </c>
      <c r="AE43" s="34">
        <v>108.75425459496256</v>
      </c>
      <c r="AF43" s="34">
        <v>74.644417475728162</v>
      </c>
      <c r="AG43" s="34">
        <v>53.262766484878533</v>
      </c>
      <c r="AH43" s="34">
        <v>77.580696202531641</v>
      </c>
      <c r="AI43" s="34">
        <v>84.085869565217394</v>
      </c>
      <c r="AJ43" s="34">
        <v>126.47658079625293</v>
      </c>
      <c r="AK43" s="34">
        <v>89.801840056617124</v>
      </c>
      <c r="AL43" s="34">
        <v>64.681614349775785</v>
      </c>
      <c r="AM43" s="34">
        <v>56.727959697732999</v>
      </c>
      <c r="AN43" s="34">
        <v>49.823281907433383</v>
      </c>
      <c r="AO43" s="34">
        <v>89.01615271659324</v>
      </c>
      <c r="AP43" s="34">
        <v>113.76155462184875</v>
      </c>
      <c r="AQ43" s="34">
        <v>73.081027667984188</v>
      </c>
      <c r="AR43" s="34">
        <v>64.634651600753301</v>
      </c>
      <c r="AS43" s="34">
        <v>100.05228758169935</v>
      </c>
      <c r="AT43" s="34">
        <v>39.789285714285711</v>
      </c>
      <c r="AU43" s="34">
        <v>39.282894736842103</v>
      </c>
      <c r="AV43" s="34">
        <v>32.276209677419352</v>
      </c>
      <c r="AW43" s="34">
        <v>29.92923076923077</v>
      </c>
      <c r="AX43" s="34">
        <v>25.252525252525253</v>
      </c>
      <c r="AY43" s="34">
        <v>14.096153846153847</v>
      </c>
      <c r="AZ43" s="34">
        <v>8.8148148148148149</v>
      </c>
      <c r="BA43" s="34">
        <v>28.7012987012987</v>
      </c>
      <c r="BB43" s="34">
        <v>17.148076923076925</v>
      </c>
      <c r="BC43" s="34">
        <v>66.256</v>
      </c>
      <c r="BD43" s="34">
        <v>60.222466960352421</v>
      </c>
      <c r="BE43" s="34">
        <v>69.13928571428572</v>
      </c>
      <c r="BF43" s="34">
        <v>70.321801208127397</v>
      </c>
      <c r="BG43" s="34">
        <v>43.977135980746091</v>
      </c>
      <c r="BH43" s="34">
        <v>83.560703309853409</v>
      </c>
      <c r="BI43" s="34">
        <v>25.222222222222221</v>
      </c>
      <c r="BJ43" s="34" t="s">
        <v>321</v>
      </c>
      <c r="BK43" s="34">
        <v>67.882352941176464</v>
      </c>
      <c r="BL43" s="34">
        <v>17.039840637450201</v>
      </c>
      <c r="BM43" s="34">
        <v>21.87037037037037</v>
      </c>
      <c r="BN43" s="34">
        <v>12.744845360824742</v>
      </c>
      <c r="BO43" s="34">
        <v>22.068965517241381</v>
      </c>
      <c r="BP43" s="34">
        <v>25.927419354838708</v>
      </c>
      <c r="BQ43" s="34">
        <v>15.078947368421053</v>
      </c>
      <c r="BR43" s="34">
        <v>36.925925925925924</v>
      </c>
      <c r="BS43" s="34">
        <v>41.878048780487802</v>
      </c>
      <c r="BT43" s="34">
        <v>23.359375</v>
      </c>
      <c r="BU43" s="34">
        <v>21.647828673408686</v>
      </c>
      <c r="BV43" s="34">
        <v>18.645435244161359</v>
      </c>
      <c r="BW43" s="34">
        <v>16.299270072992702</v>
      </c>
      <c r="BX43" s="34">
        <v>21.642599277978338</v>
      </c>
      <c r="BY43" s="34">
        <v>14.574193548387097</v>
      </c>
      <c r="BZ43" s="34">
        <v>12.593908629441625</v>
      </c>
      <c r="CA43" s="34">
        <v>6.9209621993127151</v>
      </c>
      <c r="CB43" s="34">
        <v>5.8844743276283618</v>
      </c>
      <c r="CC43" s="34">
        <v>26.924812030075188</v>
      </c>
      <c r="CD43" s="34">
        <v>9.0714285714285712</v>
      </c>
      <c r="CE43" s="34">
        <v>20.857142857142858</v>
      </c>
      <c r="CF43" s="34">
        <v>20.428571428571427</v>
      </c>
      <c r="CG43" s="34">
        <v>19.868852459016395</v>
      </c>
      <c r="CH43" s="34">
        <v>16.125</v>
      </c>
      <c r="CI43" s="34">
        <v>8.491935483870968</v>
      </c>
      <c r="CJ43" s="34">
        <v>21.09375</v>
      </c>
      <c r="CK43" s="34">
        <v>4.6754966887417222</v>
      </c>
      <c r="CL43" s="34">
        <v>6.203104786545925</v>
      </c>
      <c r="CM43" s="34">
        <v>35.541666666666664</v>
      </c>
      <c r="CN43" s="34">
        <v>16.276150627615063</v>
      </c>
      <c r="CO43" s="34">
        <v>21.25</v>
      </c>
      <c r="CP43" s="34">
        <v>28.305882352941175</v>
      </c>
      <c r="CQ43" s="34">
        <v>5.5928571428571425</v>
      </c>
      <c r="CR43" s="34">
        <v>29</v>
      </c>
      <c r="CS43" s="34">
        <v>10.048908185416932</v>
      </c>
      <c r="CT43" s="34">
        <v>197.06451612903226</v>
      </c>
      <c r="CU43" s="34">
        <v>0.23038073038073037</v>
      </c>
      <c r="CV43" s="34">
        <v>0.55060422960725075</v>
      </c>
      <c r="CW43" s="34">
        <v>0.30909090909090908</v>
      </c>
      <c r="CX43" s="34">
        <v>86</v>
      </c>
      <c r="CY43" s="34">
        <v>0.34402460456942002</v>
      </c>
      <c r="CZ43" s="34">
        <v>0.68443649373881932</v>
      </c>
      <c r="DA43" s="34">
        <v>2.0138568129330254</v>
      </c>
      <c r="DB43" s="34">
        <v>0.20676164895480556</v>
      </c>
      <c r="DC43" s="34">
        <v>0.24905558553696708</v>
      </c>
      <c r="DD43" s="34">
        <v>0.86144578313253017</v>
      </c>
      <c r="DE43" s="34">
        <v>8.3987441130298268E-2</v>
      </c>
      <c r="DF43" s="34">
        <v>0.43867459097271622</v>
      </c>
      <c r="DG43" s="34">
        <v>49.586484928412922</v>
      </c>
    </row>
    <row r="44" spans="1:111" ht="10" customHeight="1">
      <c r="A44" s="82" t="s">
        <v>246</v>
      </c>
      <c r="B44" s="83"/>
      <c r="C44" s="83"/>
      <c r="D44" s="81" t="s">
        <v>130</v>
      </c>
      <c r="E44" s="81"/>
      <c r="F44" s="35">
        <v>102.3575094140827</v>
      </c>
      <c r="G44" s="35">
        <v>100.14613793371687</v>
      </c>
      <c r="H44" s="35">
        <v>112.46472238252274</v>
      </c>
      <c r="I44" s="35">
        <v>115.23724605766755</v>
      </c>
      <c r="J44" s="35">
        <v>103.31253679824329</v>
      </c>
      <c r="K44" s="35">
        <v>108.77112663405822</v>
      </c>
      <c r="L44" s="35">
        <v>101.55715457063556</v>
      </c>
      <c r="M44" s="35">
        <v>108.80249379250783</v>
      </c>
      <c r="N44" s="35">
        <v>107.52078180977315</v>
      </c>
      <c r="O44" s="35">
        <v>102.91614576305916</v>
      </c>
      <c r="P44" s="35">
        <v>102.78455634510581</v>
      </c>
      <c r="Q44" s="35">
        <v>121.92570001946532</v>
      </c>
      <c r="R44" s="35">
        <v>111.34066476454714</v>
      </c>
      <c r="S44" s="35">
        <v>106.35557245657184</v>
      </c>
      <c r="T44" s="35">
        <v>100.98062058281319</v>
      </c>
      <c r="U44" s="35">
        <v>102.25532112495731</v>
      </c>
      <c r="V44" s="35">
        <v>100.03721768089878</v>
      </c>
      <c r="W44" s="35">
        <v>102.95301729598449</v>
      </c>
      <c r="X44" s="35">
        <v>112.43672907017366</v>
      </c>
      <c r="Y44" s="35">
        <v>102.69540665989301</v>
      </c>
      <c r="Z44" s="35">
        <v>102.30834201290119</v>
      </c>
      <c r="AA44" s="35">
        <v>106.72171930720697</v>
      </c>
      <c r="AB44" s="35">
        <v>111.0887937749709</v>
      </c>
      <c r="AC44" s="35">
        <v>106.84250713241174</v>
      </c>
      <c r="AD44" s="35">
        <v>104.64986959617202</v>
      </c>
      <c r="AE44" s="35">
        <v>109.24769091544297</v>
      </c>
      <c r="AF44" s="35">
        <v>103.78413230050502</v>
      </c>
      <c r="AG44" s="35">
        <v>107.31278075195372</v>
      </c>
      <c r="AH44" s="35">
        <v>108.55736811259663</v>
      </c>
      <c r="AI44" s="35">
        <v>111.03925736333062</v>
      </c>
      <c r="AJ44" s="35">
        <v>108.71772162248796</v>
      </c>
      <c r="AK44" s="35">
        <v>108.46385070308379</v>
      </c>
      <c r="AL44" s="35">
        <v>105.0367748575445</v>
      </c>
      <c r="AM44" s="35">
        <v>105.12855751477382</v>
      </c>
      <c r="AN44" s="35">
        <v>126.25314456363132</v>
      </c>
      <c r="AO44" s="35">
        <v>105.2058184209893</v>
      </c>
      <c r="AP44" s="35">
        <v>116.08340948649496</v>
      </c>
      <c r="AQ44" s="35">
        <v>102.88000036189433</v>
      </c>
      <c r="AR44" s="35">
        <v>110.53580944327554</v>
      </c>
      <c r="AS44" s="35">
        <v>106.75437752832806</v>
      </c>
      <c r="AT44" s="35">
        <v>97.642627169464191</v>
      </c>
      <c r="AU44" s="35">
        <v>117.20786442893913</v>
      </c>
      <c r="AV44" s="35">
        <v>106.93621792271209</v>
      </c>
      <c r="AW44" s="35">
        <v>97.739038715485577</v>
      </c>
      <c r="AX44" s="35">
        <v>152.82867723462982</v>
      </c>
      <c r="AY44" s="35">
        <v>96.563169962502798</v>
      </c>
      <c r="AZ44" s="35">
        <v>119.92731223889545</v>
      </c>
      <c r="BA44" s="35">
        <v>99.996016761467743</v>
      </c>
      <c r="BB44" s="35">
        <v>102.20784821043554</v>
      </c>
      <c r="BC44" s="35">
        <v>107.71775930277371</v>
      </c>
      <c r="BD44" s="35">
        <v>111.38732558110462</v>
      </c>
      <c r="BE44" s="35">
        <v>101.83865989595739</v>
      </c>
      <c r="BF44" s="35">
        <v>101.33778532136695</v>
      </c>
      <c r="BG44" s="35">
        <v>105.29612127698165</v>
      </c>
      <c r="BH44" s="35">
        <v>106.49048025564831</v>
      </c>
      <c r="BI44" s="35">
        <v>99.92764380793173</v>
      </c>
      <c r="BJ44" s="35"/>
      <c r="BK44" s="35">
        <v>100</v>
      </c>
      <c r="BL44" s="35">
        <v>108.26412332680187</v>
      </c>
      <c r="BM44" s="35">
        <v>114.74007347390669</v>
      </c>
      <c r="BN44" s="35">
        <v>116.17635539640798</v>
      </c>
      <c r="BO44" s="35">
        <v>112.17934836105916</v>
      </c>
      <c r="BP44" s="35">
        <v>103.0552421177583</v>
      </c>
      <c r="BQ44" s="35">
        <v>129.6744217253468</v>
      </c>
      <c r="BR44" s="35">
        <v>98.98519579751671</v>
      </c>
      <c r="BS44" s="35">
        <v>114.73380575997092</v>
      </c>
      <c r="BT44" s="35">
        <v>104.47047918777348</v>
      </c>
      <c r="BU44" s="35">
        <v>108.17657448009803</v>
      </c>
      <c r="BV44" s="35">
        <v>112.92681663519079</v>
      </c>
      <c r="BW44" s="35">
        <v>106.89969585067377</v>
      </c>
      <c r="BX44" s="35">
        <v>104.31894958947841</v>
      </c>
      <c r="BY44" s="35">
        <v>101.55662676704762</v>
      </c>
      <c r="BZ44" s="35">
        <v>108.77755289109263</v>
      </c>
      <c r="CA44" s="35">
        <v>100.91788336352406</v>
      </c>
      <c r="CB44" s="35">
        <v>106.07096054310156</v>
      </c>
      <c r="CC44" s="35">
        <v>116.14138376798562</v>
      </c>
      <c r="CD44" s="35">
        <v>111.89863648057627</v>
      </c>
      <c r="CE44" s="35">
        <v>128.88908165625722</v>
      </c>
      <c r="CF44" s="35">
        <v>104.23765264713032</v>
      </c>
      <c r="CG44" s="35">
        <v>100.54588503529618</v>
      </c>
      <c r="CH44" s="35">
        <v>105.263974352345</v>
      </c>
      <c r="CI44" s="35">
        <v>99.553423751240487</v>
      </c>
      <c r="CJ44" s="35">
        <v>106.76197996758239</v>
      </c>
      <c r="CK44" s="35">
        <v>124.48753924953839</v>
      </c>
      <c r="CL44" s="35">
        <v>124.4782685889855</v>
      </c>
      <c r="CM44" s="35">
        <v>137.39936799337897</v>
      </c>
      <c r="CN44" s="35">
        <v>115.59841456123647</v>
      </c>
      <c r="CO44" s="35">
        <v>85.874064928462488</v>
      </c>
      <c r="CP44" s="35">
        <v>99.916610247857463</v>
      </c>
      <c r="CQ44" s="35">
        <v>114.9959659345585</v>
      </c>
      <c r="CR44" s="35">
        <v>101.30612244897958</v>
      </c>
      <c r="CS44" s="35">
        <v>108.36661605801015</v>
      </c>
      <c r="CT44" s="35">
        <v>100.43331066711035</v>
      </c>
      <c r="CU44" s="35">
        <v>119.12203991514785</v>
      </c>
      <c r="CV44" s="35">
        <v>91.274373667638031</v>
      </c>
      <c r="CW44" s="35">
        <v>125.32736429770566</v>
      </c>
      <c r="CX44" s="35">
        <v>115.1070519538853</v>
      </c>
      <c r="CY44" s="35">
        <v>133.55099751622467</v>
      </c>
      <c r="CZ44" s="35">
        <v>100.62661260597126</v>
      </c>
      <c r="DA44" s="35">
        <v>101.53828879407141</v>
      </c>
      <c r="DB44" s="35">
        <v>106.45298986674585</v>
      </c>
      <c r="DC44" s="35">
        <v>101.26628964838949</v>
      </c>
      <c r="DD44" s="35">
        <v>99.790119470455281</v>
      </c>
      <c r="DE44" s="35">
        <v>117.93070603643292</v>
      </c>
      <c r="DF44" s="35">
        <v>103.28724577736934</v>
      </c>
      <c r="DG44" s="35">
        <v>106.55693114007667</v>
      </c>
    </row>
    <row r="45" spans="1:111" ht="10" customHeight="1">
      <c r="A45" s="84"/>
      <c r="B45" s="85"/>
      <c r="C45" s="85"/>
      <c r="D45" s="81" t="s">
        <v>247</v>
      </c>
      <c r="E45" s="81"/>
      <c r="F45" s="35">
        <v>102.35654703830699</v>
      </c>
      <c r="G45" s="35">
        <v>100.07684160710009</v>
      </c>
      <c r="H45" s="35">
        <v>112.28365183281008</v>
      </c>
      <c r="I45" s="35">
        <v>115.29234374907311</v>
      </c>
      <c r="J45" s="35">
        <v>103.31893322079428</v>
      </c>
      <c r="K45" s="35">
        <v>108.78219046592443</v>
      </c>
      <c r="L45" s="35">
        <v>101.14802799298236</v>
      </c>
      <c r="M45" s="35">
        <v>108.58586705241385</v>
      </c>
      <c r="N45" s="35">
        <v>107.52078180977315</v>
      </c>
      <c r="O45" s="35">
        <v>102.94196541321637</v>
      </c>
      <c r="P45" s="35">
        <v>102.78455634510581</v>
      </c>
      <c r="Q45" s="35">
        <v>121.93257989518432</v>
      </c>
      <c r="R45" s="35">
        <v>111.33833052405274</v>
      </c>
      <c r="S45" s="35">
        <v>106.36527217525884</v>
      </c>
      <c r="T45" s="35">
        <v>100.98062058281319</v>
      </c>
      <c r="U45" s="35">
        <v>102.0330080841032</v>
      </c>
      <c r="V45" s="35">
        <v>100.03721768089878</v>
      </c>
      <c r="W45" s="35">
        <v>102.96101910090766</v>
      </c>
      <c r="X45" s="35">
        <v>112.4211989732367</v>
      </c>
      <c r="Y45" s="35">
        <v>102.68505531758194</v>
      </c>
      <c r="Z45" s="35">
        <v>102.30802996438916</v>
      </c>
      <c r="AA45" s="35">
        <v>106.72732234776838</v>
      </c>
      <c r="AB45" s="35">
        <v>108.28414627880012</v>
      </c>
      <c r="AC45" s="35">
        <v>106.84250713241174</v>
      </c>
      <c r="AD45" s="35">
        <v>104.63691831129205</v>
      </c>
      <c r="AE45" s="35">
        <v>109.27045807130065</v>
      </c>
      <c r="AF45" s="35">
        <v>103.78413230050502</v>
      </c>
      <c r="AG45" s="35">
        <v>107.31508433293551</v>
      </c>
      <c r="AH45" s="35">
        <v>108.44850481753284</v>
      </c>
      <c r="AI45" s="35">
        <v>111.04074308634158</v>
      </c>
      <c r="AJ45" s="35">
        <v>108.6083838853161</v>
      </c>
      <c r="AK45" s="35">
        <v>108.47909184404625</v>
      </c>
      <c r="AL45" s="35">
        <v>105.0367748575445</v>
      </c>
      <c r="AM45" s="35">
        <v>105.15871829967307</v>
      </c>
      <c r="AN45" s="35">
        <v>126.26859769557004</v>
      </c>
      <c r="AO45" s="35">
        <v>107.36057475812943</v>
      </c>
      <c r="AP45" s="35">
        <v>115.77787516780194</v>
      </c>
      <c r="AQ45" s="35">
        <v>102.88000036189433</v>
      </c>
      <c r="AR45" s="35">
        <v>110.54078735035463</v>
      </c>
      <c r="AS45" s="35">
        <v>106.7573111295619</v>
      </c>
      <c r="AT45" s="35">
        <v>97.642627169464191</v>
      </c>
      <c r="AU45" s="35">
        <v>117.2086625522343</v>
      </c>
      <c r="AV45" s="35">
        <v>106.93621792271209</v>
      </c>
      <c r="AW45" s="35">
        <v>97.739038715485577</v>
      </c>
      <c r="AX45" s="35">
        <v>158.82442486632542</v>
      </c>
      <c r="AY45" s="35">
        <v>96.563169962502798</v>
      </c>
      <c r="AZ45" s="35">
        <v>119.92731223889545</v>
      </c>
      <c r="BA45" s="35">
        <v>99.996016761467743</v>
      </c>
      <c r="BB45" s="35">
        <v>102.20961120502294</v>
      </c>
      <c r="BC45" s="35">
        <v>107.71240600362937</v>
      </c>
      <c r="BD45" s="35">
        <v>118.19261078973793</v>
      </c>
      <c r="BE45" s="35">
        <v>101.83865989595739</v>
      </c>
      <c r="BF45" s="35">
        <v>101.33170787356541</v>
      </c>
      <c r="BG45" s="35">
        <v>105.29612127698165</v>
      </c>
      <c r="BH45" s="35">
        <v>106.4883926450082</v>
      </c>
      <c r="BI45" s="35">
        <v>99.92764380793173</v>
      </c>
      <c r="BJ45" s="35"/>
      <c r="BK45" s="35">
        <v>100</v>
      </c>
      <c r="BL45" s="35">
        <v>108.27179148172632</v>
      </c>
      <c r="BM45" s="35">
        <v>114.74007347390669</v>
      </c>
      <c r="BN45" s="35">
        <v>116.17765543171747</v>
      </c>
      <c r="BO45" s="35">
        <v>113.77413493600623</v>
      </c>
      <c r="BP45" s="35">
        <v>103.0552421177583</v>
      </c>
      <c r="BQ45" s="35">
        <v>129.6744217253468</v>
      </c>
      <c r="BR45" s="35">
        <v>98.98519579751671</v>
      </c>
      <c r="BS45" s="35">
        <v>114.73380575997092</v>
      </c>
      <c r="BT45" s="35">
        <v>104.47047918777348</v>
      </c>
      <c r="BU45" s="35">
        <v>108.27222079053615</v>
      </c>
      <c r="BV45" s="35">
        <v>112.92681663519079</v>
      </c>
      <c r="BW45" s="35">
        <v>108.49881015335801</v>
      </c>
      <c r="BX45" s="35">
        <v>106.05510348401511</v>
      </c>
      <c r="BY45" s="35">
        <v>101.62598100854181</v>
      </c>
      <c r="BZ45" s="35">
        <v>112.25819149138789</v>
      </c>
      <c r="CA45" s="35">
        <v>99.848171594262269</v>
      </c>
      <c r="CB45" s="35">
        <v>106.08534219620222</v>
      </c>
      <c r="CC45" s="35">
        <v>116.14138376798562</v>
      </c>
      <c r="CD45" s="35">
        <v>111.89863648057627</v>
      </c>
      <c r="CE45" s="35">
        <v>128.88908165625722</v>
      </c>
      <c r="CF45" s="35">
        <v>104.29952561100102</v>
      </c>
      <c r="CG45" s="35">
        <v>100.54588503529618</v>
      </c>
      <c r="CH45" s="35">
        <v>106.84967457484777</v>
      </c>
      <c r="CI45" s="35">
        <v>99.553423751240487</v>
      </c>
      <c r="CJ45" s="35">
        <v>107.54416813196015</v>
      </c>
      <c r="CK45" s="35">
        <v>124.48753924953839</v>
      </c>
      <c r="CL45" s="35">
        <v>124.98942432043705</v>
      </c>
      <c r="CM45" s="35">
        <v>137.39936799337897</v>
      </c>
      <c r="CN45" s="35">
        <v>115.59841456123647</v>
      </c>
      <c r="CO45" s="35">
        <v>85.874064928462488</v>
      </c>
      <c r="CP45" s="35">
        <v>99.916610247857463</v>
      </c>
      <c r="CQ45" s="35">
        <v>114.9959659345585</v>
      </c>
      <c r="CR45" s="35">
        <v>86.867346938775512</v>
      </c>
      <c r="CS45" s="35">
        <v>108.68456675705924</v>
      </c>
      <c r="CT45" s="35">
        <v>102.83965728274174</v>
      </c>
      <c r="CU45" s="35">
        <v>119.12203991514785</v>
      </c>
      <c r="CV45" s="35">
        <v>89.776260976706894</v>
      </c>
      <c r="CW45" s="35">
        <v>125.32736429770566</v>
      </c>
      <c r="CX45" s="35">
        <v>121.47258650655712</v>
      </c>
      <c r="CY45" s="35">
        <v>133.55099751622467</v>
      </c>
      <c r="CZ45" s="35">
        <v>100.98526044647969</v>
      </c>
      <c r="DA45" s="35">
        <v>101.53828879407141</v>
      </c>
      <c r="DB45" s="35">
        <v>109.01229640610448</v>
      </c>
      <c r="DC45" s="35">
        <v>101.26628964838949</v>
      </c>
      <c r="DD45" s="35">
        <v>104.41760283807756</v>
      </c>
      <c r="DE45" s="35">
        <v>110.1837520339723</v>
      </c>
      <c r="DF45" s="35">
        <v>103.93341803938078</v>
      </c>
      <c r="DG45" s="35">
        <v>106.56960383729692</v>
      </c>
    </row>
    <row r="46" spans="1:111" ht="10" customHeight="1">
      <c r="A46" s="84"/>
      <c r="B46" s="85"/>
      <c r="C46" s="85"/>
      <c r="D46" s="81" t="s">
        <v>248</v>
      </c>
      <c r="E46" s="81"/>
      <c r="F46" s="35">
        <v>0</v>
      </c>
      <c r="G46" s="35">
        <v>0</v>
      </c>
      <c r="H46" s="35">
        <v>0</v>
      </c>
      <c r="I46" s="35">
        <v>0</v>
      </c>
      <c r="J46" s="35">
        <v>0</v>
      </c>
      <c r="K46" s="35">
        <v>0</v>
      </c>
      <c r="L46" s="35">
        <v>0</v>
      </c>
      <c r="M46" s="35">
        <v>0</v>
      </c>
      <c r="N46" s="35">
        <v>0</v>
      </c>
      <c r="O46" s="35">
        <v>0</v>
      </c>
      <c r="P46" s="35">
        <v>0</v>
      </c>
      <c r="Q46" s="35">
        <v>0</v>
      </c>
      <c r="R46" s="35">
        <v>0</v>
      </c>
      <c r="S46" s="35">
        <v>0</v>
      </c>
      <c r="T46" s="35">
        <v>0</v>
      </c>
      <c r="U46" s="35">
        <v>0</v>
      </c>
      <c r="V46" s="35">
        <v>0</v>
      </c>
      <c r="W46" s="35">
        <v>0</v>
      </c>
      <c r="X46" s="35">
        <v>0</v>
      </c>
      <c r="Y46" s="35">
        <v>0</v>
      </c>
      <c r="Z46" s="35">
        <v>0</v>
      </c>
      <c r="AA46" s="35">
        <v>0</v>
      </c>
      <c r="AB46" s="35">
        <v>0</v>
      </c>
      <c r="AC46" s="35">
        <v>0</v>
      </c>
      <c r="AD46" s="35">
        <v>0</v>
      </c>
      <c r="AE46" s="35">
        <v>0</v>
      </c>
      <c r="AF46" s="35">
        <v>0</v>
      </c>
      <c r="AG46" s="35">
        <v>0</v>
      </c>
      <c r="AH46" s="35">
        <v>0</v>
      </c>
      <c r="AI46" s="35">
        <v>0</v>
      </c>
      <c r="AJ46" s="35">
        <v>0</v>
      </c>
      <c r="AK46" s="35">
        <v>0</v>
      </c>
      <c r="AL46" s="35">
        <v>0</v>
      </c>
      <c r="AM46" s="35">
        <v>0</v>
      </c>
      <c r="AN46" s="35">
        <v>0</v>
      </c>
      <c r="AO46" s="35">
        <v>0</v>
      </c>
      <c r="AP46" s="35">
        <v>0</v>
      </c>
      <c r="AQ46" s="35">
        <v>0</v>
      </c>
      <c r="AR46" s="35">
        <v>0</v>
      </c>
      <c r="AS46" s="35">
        <v>0</v>
      </c>
      <c r="AT46" s="35">
        <v>0</v>
      </c>
      <c r="AU46" s="35">
        <v>0</v>
      </c>
      <c r="AV46" s="35">
        <v>0</v>
      </c>
      <c r="AW46" s="35">
        <v>0</v>
      </c>
      <c r="AX46" s="35">
        <v>0</v>
      </c>
      <c r="AY46" s="35">
        <v>17.432926061216776</v>
      </c>
      <c r="AZ46" s="35">
        <v>0</v>
      </c>
      <c r="BA46" s="35">
        <v>0</v>
      </c>
      <c r="BB46" s="35">
        <v>0</v>
      </c>
      <c r="BC46" s="35">
        <v>0</v>
      </c>
      <c r="BD46" s="35">
        <v>0</v>
      </c>
      <c r="BE46" s="35">
        <v>0</v>
      </c>
      <c r="BF46" s="35">
        <v>0</v>
      </c>
      <c r="BG46" s="35">
        <v>0</v>
      </c>
      <c r="BH46" s="35">
        <v>4.6760499703061816E-3</v>
      </c>
      <c r="BI46" s="35">
        <v>0.59069151644770335</v>
      </c>
      <c r="BJ46" s="35"/>
      <c r="BK46" s="35">
        <v>0</v>
      </c>
      <c r="BL46" s="35">
        <v>0</v>
      </c>
      <c r="BM46" s="35">
        <v>0</v>
      </c>
      <c r="BN46" s="35">
        <v>0</v>
      </c>
      <c r="BO46" s="35">
        <v>0</v>
      </c>
      <c r="BP46" s="35">
        <v>0</v>
      </c>
      <c r="BQ46" s="35">
        <v>0</v>
      </c>
      <c r="BR46" s="35">
        <v>0</v>
      </c>
      <c r="BS46" s="35">
        <v>0</v>
      </c>
      <c r="BT46" s="35">
        <v>0</v>
      </c>
      <c r="BU46" s="35">
        <v>1.3739257322076617E-2</v>
      </c>
      <c r="BV46" s="35">
        <v>0</v>
      </c>
      <c r="BW46" s="35">
        <v>0</v>
      </c>
      <c r="BX46" s="35">
        <v>0</v>
      </c>
      <c r="BY46" s="35">
        <v>0</v>
      </c>
      <c r="BZ46" s="35">
        <v>0</v>
      </c>
      <c r="CA46" s="35">
        <v>0</v>
      </c>
      <c r="CB46" s="35">
        <v>0</v>
      </c>
      <c r="CC46" s="35">
        <v>0</v>
      </c>
      <c r="CD46" s="35">
        <v>0</v>
      </c>
      <c r="CE46" s="35">
        <v>0</v>
      </c>
      <c r="CF46" s="35">
        <v>451.42330534507477</v>
      </c>
      <c r="CG46" s="35">
        <v>0</v>
      </c>
      <c r="CH46" s="35">
        <v>0</v>
      </c>
      <c r="CI46" s="35">
        <v>2.4617067833698032</v>
      </c>
      <c r="CJ46" s="35">
        <v>0</v>
      </c>
      <c r="CK46" s="35">
        <v>0</v>
      </c>
      <c r="CL46" s="35">
        <v>543.38735529830808</v>
      </c>
      <c r="CM46" s="35">
        <v>0</v>
      </c>
      <c r="CN46" s="35">
        <v>0</v>
      </c>
      <c r="CO46" s="35">
        <v>95.017098192476794</v>
      </c>
      <c r="CP46" s="35">
        <v>64.222197826325612</v>
      </c>
      <c r="CQ46" s="35">
        <v>0</v>
      </c>
      <c r="CR46" s="35">
        <v>0</v>
      </c>
      <c r="CS46" s="35">
        <v>33.473626927107155</v>
      </c>
      <c r="CT46" s="35">
        <v>0</v>
      </c>
      <c r="CU46" s="35">
        <v>0</v>
      </c>
      <c r="CV46" s="35">
        <v>134.43015760521075</v>
      </c>
      <c r="CW46" s="35">
        <v>0</v>
      </c>
      <c r="CX46" s="35">
        <v>255.03502626970226</v>
      </c>
      <c r="CY46" s="35">
        <v>0</v>
      </c>
      <c r="CZ46" s="35">
        <v>0</v>
      </c>
      <c r="DA46" s="35">
        <v>21.294734869777031</v>
      </c>
      <c r="DB46" s="35">
        <v>105.21625225140932</v>
      </c>
      <c r="DC46" s="35">
        <v>2.1338955162484572</v>
      </c>
      <c r="DD46" s="35">
        <v>148.68615293770299</v>
      </c>
      <c r="DE46" s="35">
        <v>0</v>
      </c>
      <c r="DF46" s="35">
        <v>43.424305567818614</v>
      </c>
      <c r="DG46" s="35">
        <v>0.49679836924694382</v>
      </c>
    </row>
    <row r="47" spans="1:111" ht="10" customHeight="1">
      <c r="A47" s="84"/>
      <c r="B47" s="85"/>
      <c r="C47" s="85"/>
      <c r="D47" s="81" t="s">
        <v>309</v>
      </c>
      <c r="E47" s="81"/>
      <c r="F47" s="35">
        <v>59.783783833598079</v>
      </c>
      <c r="G47" s="35">
        <v>281.02812111329263</v>
      </c>
      <c r="H47" s="35">
        <v>84.306475375307372</v>
      </c>
      <c r="I47" s="35">
        <v>85.808854095966552</v>
      </c>
      <c r="J47" s="35">
        <v>38.473546559651332</v>
      </c>
      <c r="K47" s="35">
        <v>114.85878733511142</v>
      </c>
      <c r="L47" s="35">
        <v>175.77241966675322</v>
      </c>
      <c r="M47" s="35">
        <v>47.222068729675989</v>
      </c>
      <c r="N47" s="35">
        <v>61.950815904389799</v>
      </c>
      <c r="O47" s="35">
        <v>149.81273133726683</v>
      </c>
      <c r="P47" s="35">
        <v>98.705370890543747</v>
      </c>
      <c r="Q47" s="35">
        <v>63.06859278694359</v>
      </c>
      <c r="R47" s="35">
        <v>424.16403054211844</v>
      </c>
      <c r="S47" s="35">
        <v>91.747258505183581</v>
      </c>
      <c r="T47" s="35">
        <v>177.72983009786108</v>
      </c>
      <c r="U47" s="35">
        <v>85.190035802024028</v>
      </c>
      <c r="V47" s="35">
        <v>232.85478151088387</v>
      </c>
      <c r="W47" s="35">
        <v>78.074121530761303</v>
      </c>
      <c r="X47" s="35">
        <v>74.209050752400913</v>
      </c>
      <c r="Y47" s="35">
        <v>82.749782316378088</v>
      </c>
      <c r="Z47" s="35">
        <v>195.98244900850929</v>
      </c>
      <c r="AA47" s="35">
        <v>193.65493741498469</v>
      </c>
      <c r="AB47" s="35">
        <v>468.07275605163329</v>
      </c>
      <c r="AC47" s="35">
        <v>304.93426904074687</v>
      </c>
      <c r="AD47" s="35">
        <v>198.02527646129542</v>
      </c>
      <c r="AE47" s="35">
        <v>126.31155728384668</v>
      </c>
      <c r="AF47" s="35">
        <v>44.209628303863099</v>
      </c>
      <c r="AG47" s="35">
        <v>46.741754564313936</v>
      </c>
      <c r="AH47" s="35">
        <v>119.3090940683304</v>
      </c>
      <c r="AI47" s="35">
        <v>83.602509491332029</v>
      </c>
      <c r="AJ47" s="35">
        <v>191.72936478560447</v>
      </c>
      <c r="AK47" s="35">
        <v>83.777204051009875</v>
      </c>
      <c r="AL47" s="35">
        <v>84.941901669605926</v>
      </c>
      <c r="AM47" s="35">
        <v>110.92326629176003</v>
      </c>
      <c r="AN47" s="35">
        <v>162.42218191430212</v>
      </c>
      <c r="AO47" s="35">
        <v>154.22169248448378</v>
      </c>
      <c r="AP47" s="35">
        <v>339.05151068645472</v>
      </c>
      <c r="AQ47" s="35">
        <v>45.223329556578108</v>
      </c>
      <c r="AR47" s="35">
        <v>42.47509886156719</v>
      </c>
      <c r="AS47" s="35">
        <v>917.48360420694314</v>
      </c>
      <c r="AT47" s="35">
        <v>204.6413237363642</v>
      </c>
      <c r="AU47" s="35">
        <v>101.58203833047345</v>
      </c>
      <c r="AV47" s="35">
        <v>62.463610152359927</v>
      </c>
      <c r="AW47" s="35">
        <v>104.71007881268302</v>
      </c>
      <c r="AX47" s="35">
        <v>435.1719687191557</v>
      </c>
      <c r="AY47" s="35">
        <v>119.89063938065074</v>
      </c>
      <c r="AZ47" s="35">
        <v>60.30722776073619</v>
      </c>
      <c r="BA47" s="35">
        <v>97.031668308618606</v>
      </c>
      <c r="BB47" s="35">
        <v>112.53908281483989</v>
      </c>
      <c r="BC47" s="35">
        <v>45.508535777818281</v>
      </c>
      <c r="BD47" s="35">
        <v>37.700954799868299</v>
      </c>
      <c r="BE47" s="35">
        <v>40.186085655507767</v>
      </c>
      <c r="BF47" s="35">
        <v>95.040063782037578</v>
      </c>
      <c r="BG47" s="35">
        <v>82.432996559602373</v>
      </c>
      <c r="BH47" s="35">
        <v>109.64426672725676</v>
      </c>
      <c r="BI47" s="35">
        <v>472.48</v>
      </c>
      <c r="BJ47" s="35"/>
      <c r="BK47" s="35">
        <v>1057.4527178944584</v>
      </c>
      <c r="BL47" s="35">
        <v>104.3872675836766</v>
      </c>
      <c r="BM47" s="35">
        <v>128.35243057492553</v>
      </c>
      <c r="BN47" s="35">
        <v>542.16459112937855</v>
      </c>
      <c r="BO47" s="35">
        <v>161.20913691697442</v>
      </c>
      <c r="BP47" s="35">
        <v>149.16714465986004</v>
      </c>
      <c r="BQ47" s="35">
        <v>28.356736417033773</v>
      </c>
      <c r="BR47" s="35">
        <v>116.89265260169368</v>
      </c>
      <c r="BS47" s="35">
        <v>26.078387624572365</v>
      </c>
      <c r="BT47" s="35">
        <v>118.85393882581677</v>
      </c>
      <c r="BU47" s="35">
        <v>156.00395990440313</v>
      </c>
      <c r="BV47" s="35">
        <v>116.23434322721758</v>
      </c>
      <c r="BW47" s="35">
        <v>65.303130269041858</v>
      </c>
      <c r="BX47" s="35">
        <v>38.443978396837473</v>
      </c>
      <c r="BY47" s="35">
        <v>65.457780469799928</v>
      </c>
      <c r="BZ47" s="35">
        <v>111.81772928466683</v>
      </c>
      <c r="CA47" s="35">
        <v>78.27575853648807</v>
      </c>
      <c r="CB47" s="35">
        <v>19.100450498443056</v>
      </c>
      <c r="CC47" s="35">
        <v>185.79140694568122</v>
      </c>
      <c r="CD47" s="35">
        <v>70.691758146018472</v>
      </c>
      <c r="CE47" s="35">
        <v>649.8126202775245</v>
      </c>
      <c r="CF47" s="35">
        <v>66.73936007087606</v>
      </c>
      <c r="CG47" s="35">
        <v>49.980422866092404</v>
      </c>
      <c r="CH47" s="35">
        <v>50.03924409829137</v>
      </c>
      <c r="CI47" s="35">
        <v>228.64906832298138</v>
      </c>
      <c r="CJ47" s="35">
        <v>255.83922926388678</v>
      </c>
      <c r="CK47" s="35">
        <v>102.9218215319821</v>
      </c>
      <c r="CL47" s="35">
        <v>195.57698730114771</v>
      </c>
      <c r="CM47" s="35">
        <v>164.48509532670903</v>
      </c>
      <c r="CN47" s="35">
        <v>116.3046185350195</v>
      </c>
      <c r="CO47" s="35">
        <v>112.09945900957136</v>
      </c>
      <c r="CP47" s="35">
        <v>53.552922188243294</v>
      </c>
      <c r="CQ47" s="35">
        <v>76.13967906637491</v>
      </c>
      <c r="CR47" s="35">
        <v>73.244431834302731</v>
      </c>
      <c r="CS47" s="35">
        <v>80.418517433576653</v>
      </c>
      <c r="CT47" s="35">
        <v>177.40699598739545</v>
      </c>
      <c r="CU47" s="35">
        <v>348.45230574857868</v>
      </c>
      <c r="CV47" s="35">
        <v>34.807707011239394</v>
      </c>
      <c r="CW47" s="35">
        <v>458.40151038388922</v>
      </c>
      <c r="CX47" s="35">
        <v>194.80554800108786</v>
      </c>
      <c r="CY47" s="35">
        <v>283.9736700698549</v>
      </c>
      <c r="CZ47" s="35">
        <v>111.95757265540578</v>
      </c>
      <c r="DA47" s="35">
        <v>288.36262323189027</v>
      </c>
      <c r="DB47" s="35">
        <v>41.489700911931635</v>
      </c>
      <c r="DC47" s="35">
        <v>158.88056412516528</v>
      </c>
      <c r="DD47" s="35">
        <v>175.30532486565707</v>
      </c>
      <c r="DE47" s="35">
        <v>544.91335941866964</v>
      </c>
      <c r="DF47" s="35">
        <v>132.49560995764901</v>
      </c>
      <c r="DG47" s="35">
        <v>109.31945842405671</v>
      </c>
    </row>
    <row r="48" spans="1:111" ht="10" customHeight="1">
      <c r="A48" s="84"/>
      <c r="B48" s="85"/>
      <c r="C48" s="85"/>
      <c r="D48" s="88" t="s">
        <v>310</v>
      </c>
      <c r="E48" s="88"/>
      <c r="F48" s="35">
        <v>683.46686837826041</v>
      </c>
      <c r="G48" s="35">
        <v>76.097701248764508</v>
      </c>
      <c r="H48" s="35">
        <v>805.62645807602587</v>
      </c>
      <c r="I48" s="35">
        <v>540.29207186589269</v>
      </c>
      <c r="J48" s="35">
        <v>1304.0341293723122</v>
      </c>
      <c r="K48" s="35">
        <v>323.99864970996322</v>
      </c>
      <c r="L48" s="35">
        <v>606.51470997058527</v>
      </c>
      <c r="M48" s="35">
        <v>870.15409883361019</v>
      </c>
      <c r="N48" s="35">
        <v>88.078585614704622</v>
      </c>
      <c r="O48" s="35">
        <v>361.40794003482904</v>
      </c>
      <c r="P48" s="35">
        <v>675.6867437810721</v>
      </c>
      <c r="Q48" s="35">
        <v>960.50318568802948</v>
      </c>
      <c r="R48" s="35">
        <v>525.64588213894638</v>
      </c>
      <c r="S48" s="35">
        <v>1453.3951862769909</v>
      </c>
      <c r="T48" s="35">
        <v>453.25505656496398</v>
      </c>
      <c r="U48" s="35">
        <v>858.33898539236043</v>
      </c>
      <c r="V48" s="35">
        <v>667.43436260173155</v>
      </c>
      <c r="W48" s="35">
        <v>488.82106532296763</v>
      </c>
      <c r="X48" s="35">
        <v>260.07788501917565</v>
      </c>
      <c r="Y48" s="35">
        <v>411.5388011100128</v>
      </c>
      <c r="Z48" s="35">
        <v>411.64133764887072</v>
      </c>
      <c r="AA48" s="35">
        <v>263.5406771177623</v>
      </c>
      <c r="AB48" s="35">
        <v>160.57904311966655</v>
      </c>
      <c r="AC48" s="35">
        <v>351.79857188505952</v>
      </c>
      <c r="AD48" s="35">
        <v>359.37470235644906</v>
      </c>
      <c r="AE48" s="35">
        <v>367.38520216846302</v>
      </c>
      <c r="AF48" s="35">
        <v>337.12798126548893</v>
      </c>
      <c r="AG48" s="35">
        <v>1302.5090050434565</v>
      </c>
      <c r="AH48" s="35">
        <v>505.67116759332799</v>
      </c>
      <c r="AI48" s="35">
        <v>1403.4526463442128</v>
      </c>
      <c r="AJ48" s="35">
        <v>261.47297236271675</v>
      </c>
      <c r="AK48" s="35">
        <v>1468.129115347507</v>
      </c>
      <c r="AL48" s="35">
        <v>591.14843603384998</v>
      </c>
      <c r="AM48" s="35">
        <v>2003.849644437814</v>
      </c>
      <c r="AN48" s="35">
        <v>736.4585520799792</v>
      </c>
      <c r="AO48" s="35">
        <v>782.48918243303262</v>
      </c>
      <c r="AP48" s="35">
        <v>205.79590635237653</v>
      </c>
      <c r="AQ48" s="35">
        <v>983.83576133467955</v>
      </c>
      <c r="AR48" s="35">
        <v>722.54185423377487</v>
      </c>
      <c r="AS48" s="35">
        <v>85.495853161114894</v>
      </c>
      <c r="AT48" s="35">
        <v>0</v>
      </c>
      <c r="AU48" s="35">
        <v>189.30107203284982</v>
      </c>
      <c r="AV48" s="35">
        <v>129.65443690259048</v>
      </c>
      <c r="AW48" s="35">
        <v>284.95602598665312</v>
      </c>
      <c r="AX48" s="35">
        <v>0</v>
      </c>
      <c r="AY48" s="35">
        <v>2407.083175882773</v>
      </c>
      <c r="AZ48" s="35">
        <v>3117.8162911611785</v>
      </c>
      <c r="BA48" s="35">
        <v>3723.7263659871714</v>
      </c>
      <c r="BB48" s="35">
        <v>1191.6948020744271</v>
      </c>
      <c r="BC48" s="35">
        <v>113.33832731118356</v>
      </c>
      <c r="BD48" s="35">
        <v>942.60298555862221</v>
      </c>
      <c r="BE48" s="35">
        <v>377.5158680168613</v>
      </c>
      <c r="BF48" s="35">
        <v>699.38652102140998</v>
      </c>
      <c r="BG48" s="35">
        <v>976.55911587364471</v>
      </c>
      <c r="BH48" s="35">
        <v>609.30579962161141</v>
      </c>
      <c r="BI48" s="35">
        <v>73.388328750381916</v>
      </c>
      <c r="BJ48" s="35"/>
      <c r="BK48" s="35">
        <v>59.791687632082116</v>
      </c>
      <c r="BL48" s="35">
        <v>4657.9732191484964</v>
      </c>
      <c r="BM48" s="35">
        <v>769.03647574474405</v>
      </c>
      <c r="BN48" s="35">
        <v>196.44543061628488</v>
      </c>
      <c r="BO48" s="35">
        <v>0</v>
      </c>
      <c r="BP48" s="35">
        <v>2986.2384632700532</v>
      </c>
      <c r="BQ48" s="35">
        <v>4427.9592261285625</v>
      </c>
      <c r="BR48" s="35">
        <v>3445.4894433781192</v>
      </c>
      <c r="BS48" s="35">
        <v>705.05098734695264</v>
      </c>
      <c r="BT48" s="35">
        <v>2168.3186181589645</v>
      </c>
      <c r="BU48" s="35">
        <v>1725.9882853606073</v>
      </c>
      <c r="BV48" s="35">
        <v>455.56172649559824</v>
      </c>
      <c r="BW48" s="35">
        <v>632.83075763286854</v>
      </c>
      <c r="BX48" s="35">
        <v>0</v>
      </c>
      <c r="BY48" s="35">
        <v>0</v>
      </c>
      <c r="BZ48" s="35">
        <v>4.1464038904530325</v>
      </c>
      <c r="CA48" s="35">
        <v>1137.0742351970232</v>
      </c>
      <c r="CB48" s="35">
        <v>2294.8511744225962</v>
      </c>
      <c r="CC48" s="35">
        <v>0</v>
      </c>
      <c r="CD48" s="35">
        <v>0</v>
      </c>
      <c r="CE48" s="35">
        <v>516.0705289672544</v>
      </c>
      <c r="CF48" s="35">
        <v>2660.7003891050585</v>
      </c>
      <c r="CG48" s="35">
        <v>1946.9397207701977</v>
      </c>
      <c r="CH48" s="35">
        <v>0</v>
      </c>
      <c r="CI48" s="35">
        <v>0</v>
      </c>
      <c r="CJ48" s="35">
        <v>0</v>
      </c>
      <c r="CK48" s="35">
        <v>0</v>
      </c>
      <c r="CL48" s="35">
        <v>0</v>
      </c>
      <c r="CM48" s="35">
        <v>0</v>
      </c>
      <c r="CN48" s="35">
        <v>2067.420937840785</v>
      </c>
      <c r="CO48" s="35">
        <v>2642.7454811919883</v>
      </c>
      <c r="CP48" s="35">
        <v>1530.9620521828228</v>
      </c>
      <c r="CQ48" s="35">
        <v>228.77985645370043</v>
      </c>
      <c r="CR48" s="35">
        <v>1445.7233368532206</v>
      </c>
      <c r="CS48" s="35">
        <v>864.56332412837537</v>
      </c>
      <c r="CT48" s="35">
        <v>649.45500888754736</v>
      </c>
      <c r="CU48" s="35">
        <v>0</v>
      </c>
      <c r="CV48" s="35">
        <v>306.86443251999594</v>
      </c>
      <c r="CW48" s="35">
        <v>0</v>
      </c>
      <c r="CX48" s="35">
        <v>0</v>
      </c>
      <c r="CY48" s="35">
        <v>446.23744292237444</v>
      </c>
      <c r="CZ48" s="35">
        <v>732.17238603936494</v>
      </c>
      <c r="DA48" s="35">
        <v>838.28930110549004</v>
      </c>
      <c r="DB48" s="35">
        <v>390.78150218708333</v>
      </c>
      <c r="DC48" s="35">
        <v>326.70711641299874</v>
      </c>
      <c r="DD48" s="35">
        <v>0</v>
      </c>
      <c r="DE48" s="35">
        <v>413.66068346565419</v>
      </c>
      <c r="DF48" s="35">
        <v>486.37491391336596</v>
      </c>
      <c r="DG48" s="35">
        <v>618.82661690557154</v>
      </c>
    </row>
    <row r="49" spans="1:111" ht="10" customHeight="1">
      <c r="A49" s="84"/>
      <c r="B49" s="85"/>
      <c r="C49" s="85"/>
      <c r="D49" s="81" t="s">
        <v>249</v>
      </c>
      <c r="E49" s="81"/>
      <c r="F49" s="35">
        <v>141.35522392544027</v>
      </c>
      <c r="G49" s="35">
        <v>96.678409901506782</v>
      </c>
      <c r="H49" s="35">
        <v>150.28718500969606</v>
      </c>
      <c r="I49" s="35">
        <v>113.61477440356981</v>
      </c>
      <c r="J49" s="35">
        <v>109.83667684279864</v>
      </c>
      <c r="K49" s="35">
        <v>126.07524047735174</v>
      </c>
      <c r="L49" s="35">
        <v>98.819020109285148</v>
      </c>
      <c r="M49" s="35">
        <v>147.53107645913801</v>
      </c>
      <c r="N49" s="35">
        <v>107.02776897017839</v>
      </c>
      <c r="O49" s="35">
        <v>149.95027132526138</v>
      </c>
      <c r="P49" s="35">
        <v>135.24964270051572</v>
      </c>
      <c r="Q49" s="35">
        <v>124.63677431098229</v>
      </c>
      <c r="R49" s="35">
        <v>105.63390546286639</v>
      </c>
      <c r="S49" s="35">
        <v>127.56174892204203</v>
      </c>
      <c r="T49" s="35">
        <v>114.18992785417376</v>
      </c>
      <c r="U49" s="35">
        <v>184.5650037701532</v>
      </c>
      <c r="V49" s="35">
        <v>120.00971118520363</v>
      </c>
      <c r="W49" s="35">
        <v>101.32326152582486</v>
      </c>
      <c r="X49" s="35">
        <v>126.38287906499532</v>
      </c>
      <c r="Y49" s="35">
        <v>79.483986781669728</v>
      </c>
      <c r="Z49" s="35">
        <v>84.727498849175078</v>
      </c>
      <c r="AA49" s="35">
        <v>103.51902518857572</v>
      </c>
      <c r="AB49" s="35">
        <v>62.259781627374394</v>
      </c>
      <c r="AC49" s="35">
        <v>112.67852432981476</v>
      </c>
      <c r="AD49" s="35">
        <v>70.523774581442567</v>
      </c>
      <c r="AE49" s="35">
        <v>89.90353651490625</v>
      </c>
      <c r="AF49" s="35">
        <v>128.06257107874706</v>
      </c>
      <c r="AG49" s="35">
        <v>108.52016935906354</v>
      </c>
      <c r="AH49" s="35">
        <v>107.62383112895682</v>
      </c>
      <c r="AI49" s="35">
        <v>107.01976457318317</v>
      </c>
      <c r="AJ49" s="35">
        <v>88.931422698936245</v>
      </c>
      <c r="AK49" s="35">
        <v>119.32719851600245</v>
      </c>
      <c r="AL49" s="35">
        <v>111.10092741912997</v>
      </c>
      <c r="AM49" s="35">
        <v>82.11910166715333</v>
      </c>
      <c r="AN49" s="35">
        <v>158.75309000277812</v>
      </c>
      <c r="AO49" s="35">
        <v>108.73044989613427</v>
      </c>
      <c r="AP49" s="35">
        <v>79.480956704667321</v>
      </c>
      <c r="AQ49" s="35">
        <v>141.54752031747893</v>
      </c>
      <c r="AR49" s="35">
        <v>131.1636148362536</v>
      </c>
      <c r="AS49" s="35">
        <v>90.470180963517848</v>
      </c>
      <c r="AT49" s="35">
        <v>154.86742274147329</v>
      </c>
      <c r="AU49" s="35">
        <v>179.03818484138498</v>
      </c>
      <c r="AV49" s="35">
        <v>139.27136412838578</v>
      </c>
      <c r="AW49" s="35">
        <v>98.520668813950181</v>
      </c>
      <c r="AX49" s="35">
        <v>172.99317967392037</v>
      </c>
      <c r="AY49" s="35">
        <v>212.80093424362198</v>
      </c>
      <c r="AZ49" s="35">
        <v>201.71845739407351</v>
      </c>
      <c r="BA49" s="35">
        <v>152.5748269374408</v>
      </c>
      <c r="BB49" s="35">
        <v>153.93612062793414</v>
      </c>
      <c r="BC49" s="35">
        <v>99.001927870086504</v>
      </c>
      <c r="BD49" s="35">
        <v>100.5770270747422</v>
      </c>
      <c r="BE49" s="35">
        <v>106.10614861990835</v>
      </c>
      <c r="BF49" s="35">
        <v>141.35365232774419</v>
      </c>
      <c r="BG49" s="35">
        <v>110.82445374483272</v>
      </c>
      <c r="BH49" s="35">
        <v>116.55972918536534</v>
      </c>
      <c r="BI49" s="35">
        <v>139.55570715899884</v>
      </c>
      <c r="BJ49" s="35"/>
      <c r="BK49" s="35">
        <v>87.805955641954583</v>
      </c>
      <c r="BL49" s="35">
        <v>98.436382899118726</v>
      </c>
      <c r="BM49" s="35">
        <v>111.67034572040298</v>
      </c>
      <c r="BN49" s="35">
        <v>138.93701794234298</v>
      </c>
      <c r="BO49" s="35">
        <v>115.3786871664451</v>
      </c>
      <c r="BP49" s="35">
        <v>154.0732824189283</v>
      </c>
      <c r="BQ49" s="35">
        <v>125.7438821821416</v>
      </c>
      <c r="BR49" s="35">
        <v>119.19770773638969</v>
      </c>
      <c r="BS49" s="35">
        <v>100.57799502615556</v>
      </c>
      <c r="BT49" s="35">
        <v>125.79280371269178</v>
      </c>
      <c r="BU49" s="35">
        <v>119.99592151442279</v>
      </c>
      <c r="BV49" s="35">
        <v>173.55575377685574</v>
      </c>
      <c r="BW49" s="35">
        <v>136.00734121796549</v>
      </c>
      <c r="BX49" s="35">
        <v>155.19394535043168</v>
      </c>
      <c r="BY49" s="35">
        <v>154.89286503203004</v>
      </c>
      <c r="BZ49" s="35">
        <v>127.94576959445908</v>
      </c>
      <c r="CA49" s="35">
        <v>177.49908753913653</v>
      </c>
      <c r="CB49" s="35">
        <v>136.34692144657578</v>
      </c>
      <c r="CC49" s="35">
        <v>150.85876556726427</v>
      </c>
      <c r="CD49" s="35">
        <v>129.0181363352095</v>
      </c>
      <c r="CE49" s="35">
        <v>160.14100804606983</v>
      </c>
      <c r="CF49" s="35">
        <v>145.12006657156442</v>
      </c>
      <c r="CG49" s="35">
        <v>130.44191265320217</v>
      </c>
      <c r="CH49" s="35">
        <v>93.926081558590397</v>
      </c>
      <c r="CI49" s="35">
        <v>105.35517026079438</v>
      </c>
      <c r="CJ49" s="35">
        <v>141.61930855544045</v>
      </c>
      <c r="CK49" s="35">
        <v>135.05519621170251</v>
      </c>
      <c r="CL49" s="35">
        <v>117.05500855762796</v>
      </c>
      <c r="CM49" s="35">
        <v>96.455817172233111</v>
      </c>
      <c r="CN49" s="35">
        <v>133.43631466998795</v>
      </c>
      <c r="CO49" s="35">
        <v>140.25351147653305</v>
      </c>
      <c r="CP49" s="35">
        <v>144.98312854141466</v>
      </c>
      <c r="CQ49" s="35">
        <v>130.78402708317304</v>
      </c>
      <c r="CR49" s="35">
        <v>179.28814842862553</v>
      </c>
      <c r="CS49" s="35">
        <v>151.05171480012294</v>
      </c>
      <c r="CT49" s="35">
        <v>66.849763468824975</v>
      </c>
      <c r="CU49" s="35">
        <v>128.57211642631873</v>
      </c>
      <c r="CV49" s="35">
        <v>152.11063711826037</v>
      </c>
      <c r="CW49" s="35">
        <v>172.39512855209742</v>
      </c>
      <c r="CX49" s="35">
        <v>256.31242284816517</v>
      </c>
      <c r="CY49" s="35">
        <v>93.669803250641579</v>
      </c>
      <c r="CZ49" s="35">
        <v>193.10422781975336</v>
      </c>
      <c r="DA49" s="35">
        <v>140.27924130663857</v>
      </c>
      <c r="DB49" s="35">
        <v>110.2881613910172</v>
      </c>
      <c r="DC49" s="35">
        <v>100.15449582861264</v>
      </c>
      <c r="DD49" s="35">
        <v>243.56392923917733</v>
      </c>
      <c r="DE49" s="35">
        <v>50.564194740234392</v>
      </c>
      <c r="DF49" s="35">
        <v>114.93179127593503</v>
      </c>
      <c r="DG49" s="35">
        <v>116.95225752226862</v>
      </c>
    </row>
    <row r="50" spans="1:111" ht="10" customHeight="1">
      <c r="A50" s="84"/>
      <c r="B50" s="85"/>
      <c r="C50" s="85"/>
      <c r="D50" s="81" t="s">
        <v>250</v>
      </c>
      <c r="E50" s="81"/>
      <c r="F50" s="35">
        <v>137.27870610764353</v>
      </c>
      <c r="G50" s="35">
        <v>110.27574903938751</v>
      </c>
      <c r="H50" s="35">
        <v>149.99999528424095</v>
      </c>
      <c r="I50" s="35">
        <v>122.48167616936766</v>
      </c>
      <c r="J50" s="35">
        <v>150.00005372825751</v>
      </c>
      <c r="K50" s="35">
        <v>149.99988414917414</v>
      </c>
      <c r="L50" s="35">
        <v>102.22209738823474</v>
      </c>
      <c r="M50" s="35">
        <v>148.19669009565897</v>
      </c>
      <c r="N50" s="35">
        <v>149.99874839377199</v>
      </c>
      <c r="O50" s="35">
        <v>149.99996102768438</v>
      </c>
      <c r="P50" s="35">
        <v>150.03404378173772</v>
      </c>
      <c r="Q50" s="35">
        <v>139.16459572982779</v>
      </c>
      <c r="R50" s="35">
        <v>112.03155322429916</v>
      </c>
      <c r="S50" s="35">
        <v>149.99980323249653</v>
      </c>
      <c r="T50" s="35">
        <v>150.00017968123242</v>
      </c>
      <c r="U50" s="35">
        <v>184.5650037701532</v>
      </c>
      <c r="V50" s="35">
        <v>137.50698636269527</v>
      </c>
      <c r="W50" s="35">
        <v>114.9833608798787</v>
      </c>
      <c r="X50" s="35">
        <v>114.0906777750908</v>
      </c>
      <c r="Y50" s="35">
        <v>82.433400719009995</v>
      </c>
      <c r="Z50" s="35">
        <v>82.501804441514594</v>
      </c>
      <c r="AA50" s="35">
        <v>109.05458825232101</v>
      </c>
      <c r="AB50" s="35">
        <v>69.369272341741492</v>
      </c>
      <c r="AC50" s="35">
        <v>109.75830120596868</v>
      </c>
      <c r="AD50" s="35">
        <v>76.247835479837178</v>
      </c>
      <c r="AE50" s="35">
        <v>89.523131429411123</v>
      </c>
      <c r="AF50" s="35">
        <v>149.99997427401703</v>
      </c>
      <c r="AG50" s="35">
        <v>149.99699413426774</v>
      </c>
      <c r="AH50" s="35">
        <v>143.20857686470526</v>
      </c>
      <c r="AI50" s="35">
        <v>140.31670380283813</v>
      </c>
      <c r="AJ50" s="35">
        <v>85.945649839207107</v>
      </c>
      <c r="AK50" s="35">
        <v>150.00009573503883</v>
      </c>
      <c r="AL50" s="35">
        <v>151.52727495798621</v>
      </c>
      <c r="AM50" s="35">
        <v>149.99982101663574</v>
      </c>
      <c r="AN50" s="35">
        <v>158.38416409109541</v>
      </c>
      <c r="AO50" s="35">
        <v>90.404422308818212</v>
      </c>
      <c r="AP50" s="35">
        <v>70.316538191836642</v>
      </c>
      <c r="AQ50" s="35">
        <v>146.63214367531342</v>
      </c>
      <c r="AR50" s="35">
        <v>116.15005397329175</v>
      </c>
      <c r="AS50" s="35">
        <v>108.54510120492078</v>
      </c>
      <c r="AT50" s="35">
        <v>219.61484398136369</v>
      </c>
      <c r="AU50" s="35">
        <v>206.5638672353308</v>
      </c>
      <c r="AV50" s="35">
        <v>150.0000347161228</v>
      </c>
      <c r="AW50" s="35">
        <v>134.73211718475449</v>
      </c>
      <c r="AX50" s="35">
        <v>101.67930406998425</v>
      </c>
      <c r="AY50" s="35">
        <v>398.45490477901546</v>
      </c>
      <c r="AZ50" s="35">
        <v>511.81189100413593</v>
      </c>
      <c r="BA50" s="35">
        <v>212.24900474590541</v>
      </c>
      <c r="BB50" s="35">
        <v>153.93612062793414</v>
      </c>
      <c r="BC50" s="35">
        <v>162.39581076674961</v>
      </c>
      <c r="BD50" s="35">
        <v>125.53841922457224</v>
      </c>
      <c r="BE50" s="35">
        <v>150.00022522652961</v>
      </c>
      <c r="BF50" s="35">
        <v>149.59091919477478</v>
      </c>
      <c r="BG50" s="35">
        <v>150</v>
      </c>
      <c r="BH50" s="35">
        <v>124.24107550933913</v>
      </c>
      <c r="BI50" s="35">
        <v>938.04630537671085</v>
      </c>
      <c r="BJ50" s="35"/>
      <c r="BK50" s="35">
        <v>87.805955641954583</v>
      </c>
      <c r="BL50" s="35">
        <v>149.97907027571668</v>
      </c>
      <c r="BM50" s="35">
        <v>150.00995834094039</v>
      </c>
      <c r="BN50" s="35">
        <v>141.56852122831734</v>
      </c>
      <c r="BO50" s="35">
        <v>77.808604512263258</v>
      </c>
      <c r="BP50" s="35">
        <v>460.07847787251637</v>
      </c>
      <c r="BQ50" s="35">
        <v>539.92440195142365</v>
      </c>
      <c r="BR50" s="35">
        <v>124.39350525310411</v>
      </c>
      <c r="BS50" s="35">
        <v>108.15538976074093</v>
      </c>
      <c r="BT50" s="35">
        <v>150.78710193245504</v>
      </c>
      <c r="BU50" s="35">
        <v>184.43364292212325</v>
      </c>
      <c r="BV50" s="35">
        <v>269.81058205756403</v>
      </c>
      <c r="BW50" s="35">
        <v>189.7181936092442</v>
      </c>
      <c r="BX50" s="35">
        <v>326.86515339661838</v>
      </c>
      <c r="BY50" s="35">
        <v>518.20189971283412</v>
      </c>
      <c r="BZ50" s="35">
        <v>227.70793848320241</v>
      </c>
      <c r="CA50" s="35">
        <v>184.90119352363831</v>
      </c>
      <c r="CB50" s="35">
        <v>214.14674168958203</v>
      </c>
      <c r="CC50" s="35">
        <v>182.59887778842207</v>
      </c>
      <c r="CD50" s="35">
        <v>498.99937460913071</v>
      </c>
      <c r="CE50" s="35">
        <v>371.22251823147923</v>
      </c>
      <c r="CF50" s="35">
        <v>675.87969567284836</v>
      </c>
      <c r="CG50" s="35">
        <v>373.20904539962027</v>
      </c>
      <c r="CH50" s="35">
        <v>452.48782351255852</v>
      </c>
      <c r="CI50" s="35">
        <v>247.06786417559195</v>
      </c>
      <c r="CJ50" s="35">
        <v>305.95114772826287</v>
      </c>
      <c r="CK50" s="35">
        <v>272.93368985554878</v>
      </c>
      <c r="CL50" s="35">
        <v>293.69028683167636</v>
      </c>
      <c r="CM50" s="35">
        <v>209.04252689855167</v>
      </c>
      <c r="CN50" s="35">
        <v>281.37763148317384</v>
      </c>
      <c r="CO50" s="35">
        <v>442.48030147310726</v>
      </c>
      <c r="CP50" s="35">
        <v>274.00734279832773</v>
      </c>
      <c r="CQ50" s="35">
        <v>347.15703623913214</v>
      </c>
      <c r="CR50" s="35">
        <v>516.47103369935633</v>
      </c>
      <c r="CS50" s="35">
        <v>257.32906889939545</v>
      </c>
      <c r="CT50" s="35">
        <v>150.98760173082528</v>
      </c>
      <c r="CU50" s="35">
        <v>249.63285745239182</v>
      </c>
      <c r="CV50" s="35">
        <v>353.09729516065278</v>
      </c>
      <c r="CW50" s="35">
        <v>2351.5561569688771</v>
      </c>
      <c r="CX50" s="35">
        <v>1262.7090113343061</v>
      </c>
      <c r="CY50" s="35">
        <v>99.25577416595381</v>
      </c>
      <c r="CZ50" s="35">
        <v>282.75421139451993</v>
      </c>
      <c r="DA50" s="35">
        <v>293.45363540569019</v>
      </c>
      <c r="DB50" s="35">
        <v>135.70415086551608</v>
      </c>
      <c r="DC50" s="35">
        <v>173.44731692244309</v>
      </c>
      <c r="DD50" s="35">
        <v>688.40788149000434</v>
      </c>
      <c r="DE50" s="35">
        <v>200.1597719618363</v>
      </c>
      <c r="DF50" s="35">
        <v>213.02265596206647</v>
      </c>
      <c r="DG50" s="35">
        <v>126.30550228845277</v>
      </c>
    </row>
    <row r="51" spans="1:111" ht="10" customHeight="1">
      <c r="A51" s="84"/>
      <c r="B51" s="85"/>
      <c r="C51" s="85"/>
      <c r="D51" s="81" t="s">
        <v>251</v>
      </c>
      <c r="E51" s="81"/>
      <c r="F51" s="35">
        <v>102.96951940572652</v>
      </c>
      <c r="G51" s="35">
        <v>87.669692333693305</v>
      </c>
      <c r="H51" s="35">
        <v>100.19145982298927</v>
      </c>
      <c r="I51" s="35">
        <v>92.760629962691979</v>
      </c>
      <c r="J51" s="35">
        <v>73.224425000394007</v>
      </c>
      <c r="K51" s="35">
        <v>84.050225233487879</v>
      </c>
      <c r="L51" s="35">
        <v>96.67089859639168</v>
      </c>
      <c r="M51" s="35">
        <v>99.5508579603962</v>
      </c>
      <c r="N51" s="35">
        <v>71.352441347852093</v>
      </c>
      <c r="O51" s="35">
        <v>99.966873523111232</v>
      </c>
      <c r="P51" s="35">
        <v>90.145969069040333</v>
      </c>
      <c r="Q51" s="35">
        <v>89.560691537487287</v>
      </c>
      <c r="R51" s="35">
        <v>94.289423312177064</v>
      </c>
      <c r="S51" s="35">
        <v>85.041277503760455</v>
      </c>
      <c r="T51" s="35">
        <v>76.126527379394105</v>
      </c>
      <c r="U51" s="35">
        <v>100</v>
      </c>
      <c r="V51" s="35">
        <v>87.275355499872603</v>
      </c>
      <c r="W51" s="35">
        <v>88.119933832579193</v>
      </c>
      <c r="X51" s="35">
        <v>110.7740628153129</v>
      </c>
      <c r="Y51" s="35">
        <v>96.42206446462896</v>
      </c>
      <c r="Z51" s="35">
        <v>102.69775239793486</v>
      </c>
      <c r="AA51" s="35">
        <v>94.924043864218177</v>
      </c>
      <c r="AB51" s="35">
        <v>89.751239310479107</v>
      </c>
      <c r="AC51" s="35">
        <v>102.66059431656662</v>
      </c>
      <c r="AD51" s="35">
        <v>92.492821779959542</v>
      </c>
      <c r="AE51" s="35">
        <v>100.42492379279099</v>
      </c>
      <c r="AF51" s="35">
        <v>85.375062028213975</v>
      </c>
      <c r="AG51" s="35">
        <v>72.348229366465304</v>
      </c>
      <c r="AH51" s="35">
        <v>75.151805489019878</v>
      </c>
      <c r="AI51" s="35">
        <v>76.270152927451051</v>
      </c>
      <c r="AJ51" s="35">
        <v>103.47402441579663</v>
      </c>
      <c r="AK51" s="35">
        <v>79.551414904949667</v>
      </c>
      <c r="AL51" s="35">
        <v>73.320745357517183</v>
      </c>
      <c r="AM51" s="35">
        <v>54.746133102416103</v>
      </c>
      <c r="AN51" s="35">
        <v>100.23293105961686</v>
      </c>
      <c r="AO51" s="35">
        <v>120.27116275873652</v>
      </c>
      <c r="AP51" s="35">
        <v>113.03309114539802</v>
      </c>
      <c r="AQ51" s="35">
        <v>96.53239512811507</v>
      </c>
      <c r="AR51" s="35">
        <v>112.92600420694954</v>
      </c>
      <c r="AS51" s="35">
        <v>83.348009223115881</v>
      </c>
      <c r="AT51" s="35">
        <v>70.517739117222504</v>
      </c>
      <c r="AU51" s="35">
        <v>86.674493093902612</v>
      </c>
      <c r="AV51" s="35">
        <v>92.847554596876478</v>
      </c>
      <c r="AW51" s="35">
        <v>73.123373158941362</v>
      </c>
      <c r="AX51" s="35">
        <v>170.13607759830055</v>
      </c>
      <c r="AY51" s="35">
        <v>53.406528992695456</v>
      </c>
      <c r="AZ51" s="35">
        <v>39.412616420129915</v>
      </c>
      <c r="BA51" s="35">
        <v>71.884825617955784</v>
      </c>
      <c r="BB51" s="35">
        <v>100</v>
      </c>
      <c r="BC51" s="35">
        <v>60.963350841779885</v>
      </c>
      <c r="BD51" s="35">
        <v>80.116531414038846</v>
      </c>
      <c r="BE51" s="35">
        <v>70.737326200455612</v>
      </c>
      <c r="BF51" s="35">
        <v>94.493471320738891</v>
      </c>
      <c r="BG51" s="35">
        <v>73.882969163221816</v>
      </c>
      <c r="BH51" s="35">
        <v>93.817385842416996</v>
      </c>
      <c r="BI51" s="35">
        <v>14.877272727272729</v>
      </c>
      <c r="BJ51" s="35"/>
      <c r="BK51" s="35">
        <v>100</v>
      </c>
      <c r="BL51" s="35">
        <v>65.633413194358695</v>
      </c>
      <c r="BM51" s="35">
        <v>74.441955024479299</v>
      </c>
      <c r="BN51" s="35">
        <v>98.141180494687546</v>
      </c>
      <c r="BO51" s="35">
        <v>148.28525442614833</v>
      </c>
      <c r="BP51" s="35">
        <v>33.48847855943842</v>
      </c>
      <c r="BQ51" s="35">
        <v>23.289164506673778</v>
      </c>
      <c r="BR51" s="35">
        <v>95.823095823095827</v>
      </c>
      <c r="BS51" s="35">
        <v>92.993973993022522</v>
      </c>
      <c r="BT51" s="35">
        <v>83.424113933193411</v>
      </c>
      <c r="BU51" s="35">
        <v>65.061839918810705</v>
      </c>
      <c r="BV51" s="35">
        <v>64.325035902345618</v>
      </c>
      <c r="BW51" s="35">
        <v>71.689139892452786</v>
      </c>
      <c r="BX51" s="35">
        <v>47.479501481798906</v>
      </c>
      <c r="BY51" s="35">
        <v>29.890447163135686</v>
      </c>
      <c r="BZ51" s="35">
        <v>56.188541535585244</v>
      </c>
      <c r="CA51" s="35">
        <v>95.996723523823292</v>
      </c>
      <c r="CB51" s="35">
        <v>63.669855712406054</v>
      </c>
      <c r="CC51" s="35">
        <v>82.617575416900877</v>
      </c>
      <c r="CD51" s="35">
        <v>25.855370347161298</v>
      </c>
      <c r="CE51" s="35">
        <v>43.138818412468297</v>
      </c>
      <c r="CF51" s="35">
        <v>21.471286606279129</v>
      </c>
      <c r="CG51" s="35">
        <v>34.951433857539321</v>
      </c>
      <c r="CH51" s="35">
        <v>20.757703672435625</v>
      </c>
      <c r="CI51" s="35">
        <v>42.642198981377085</v>
      </c>
      <c r="CJ51" s="35">
        <v>46.288209606986904</v>
      </c>
      <c r="CK51" s="35">
        <v>49.482786930107821</v>
      </c>
      <c r="CL51" s="35">
        <v>39.856615559341279</v>
      </c>
      <c r="CM51" s="35">
        <v>46.141719870733823</v>
      </c>
      <c r="CN51" s="35">
        <v>47.422502622767063</v>
      </c>
      <c r="CO51" s="35">
        <v>31.697119851347161</v>
      </c>
      <c r="CP51" s="35">
        <v>52.912132594973471</v>
      </c>
      <c r="CQ51" s="35">
        <v>37.672872340425528</v>
      </c>
      <c r="CR51" s="35">
        <v>34.714076246334315</v>
      </c>
      <c r="CS51" s="35">
        <v>58.699825653656582</v>
      </c>
      <c r="CT51" s="35">
        <v>44.275001856114052</v>
      </c>
      <c r="CU51" s="35">
        <v>51.504484521168884</v>
      </c>
      <c r="CV51" s="35">
        <v>43.078958463573855</v>
      </c>
      <c r="CW51" s="35">
        <v>7.3311082978478517</v>
      </c>
      <c r="CX51" s="35">
        <v>20.29861357980803</v>
      </c>
      <c r="CY51" s="35">
        <v>94.37214513487892</v>
      </c>
      <c r="CZ51" s="35">
        <v>68.294023585848493</v>
      </c>
      <c r="DA51" s="35">
        <v>47.802863683289196</v>
      </c>
      <c r="DB51" s="35">
        <v>81.271030169381959</v>
      </c>
      <c r="DC51" s="35">
        <v>57.743467933491686</v>
      </c>
      <c r="DD51" s="35">
        <v>35.380758382952052</v>
      </c>
      <c r="DE51" s="35">
        <v>25.26191664021044</v>
      </c>
      <c r="DF51" s="35">
        <v>53.952848703755365</v>
      </c>
      <c r="DG51" s="35">
        <v>92.594744807852095</v>
      </c>
    </row>
    <row r="52" spans="1:111" ht="10" customHeight="1">
      <c r="A52" s="84"/>
      <c r="B52" s="85"/>
      <c r="C52" s="85"/>
      <c r="D52" s="81" t="s">
        <v>252</v>
      </c>
      <c r="E52" s="81"/>
      <c r="F52" s="35">
        <v>0</v>
      </c>
      <c r="G52" s="35">
        <v>13.597339137880724</v>
      </c>
      <c r="H52" s="35">
        <v>0</v>
      </c>
      <c r="I52" s="35">
        <v>8.8669017657978486</v>
      </c>
      <c r="J52" s="35">
        <v>40.163376885458874</v>
      </c>
      <c r="K52" s="35">
        <v>23.924643671822395</v>
      </c>
      <c r="L52" s="35">
        <v>3.4030772789495956</v>
      </c>
      <c r="M52" s="35">
        <v>0.66561363652095906</v>
      </c>
      <c r="N52" s="35">
        <v>42.970979423593604</v>
      </c>
      <c r="O52" s="35">
        <v>4.9689702422995197E-2</v>
      </c>
      <c r="P52" s="35">
        <v>14.784401081222001</v>
      </c>
      <c r="Q52" s="35">
        <v>14.527821418845505</v>
      </c>
      <c r="R52" s="35">
        <v>6.3976477614327649</v>
      </c>
      <c r="S52" s="35">
        <v>22.438054310454504</v>
      </c>
      <c r="T52" s="35">
        <v>35.810251827058664</v>
      </c>
      <c r="U52" s="35">
        <v>0</v>
      </c>
      <c r="V52" s="35">
        <v>17.497275177491645</v>
      </c>
      <c r="W52" s="35">
        <v>13.660099354053841</v>
      </c>
      <c r="X52" s="35">
        <v>0</v>
      </c>
      <c r="Y52" s="35">
        <v>2.9494139373402675</v>
      </c>
      <c r="Z52" s="35">
        <v>0</v>
      </c>
      <c r="AA52" s="35">
        <v>5.5355630637452862</v>
      </c>
      <c r="AB52" s="35">
        <v>7.109490714367098</v>
      </c>
      <c r="AC52" s="35">
        <v>0</v>
      </c>
      <c r="AD52" s="35">
        <v>5.7240608983946117</v>
      </c>
      <c r="AE52" s="35">
        <v>0</v>
      </c>
      <c r="AF52" s="35">
        <v>21.93740319526998</v>
      </c>
      <c r="AG52" s="35">
        <v>41.476824775204193</v>
      </c>
      <c r="AH52" s="35">
        <v>35.584745735748442</v>
      </c>
      <c r="AI52" s="35">
        <v>33.296939229654967</v>
      </c>
      <c r="AJ52" s="35">
        <v>0</v>
      </c>
      <c r="AK52" s="35">
        <v>30.672897219036372</v>
      </c>
      <c r="AL52" s="35">
        <v>40.426347538856234</v>
      </c>
      <c r="AM52" s="35">
        <v>67.880719349482405</v>
      </c>
      <c r="AN52" s="35">
        <v>0</v>
      </c>
      <c r="AO52" s="35">
        <v>0</v>
      </c>
      <c r="AP52" s="35">
        <v>0</v>
      </c>
      <c r="AQ52" s="35">
        <v>5.0846233578344879</v>
      </c>
      <c r="AR52" s="35">
        <v>0</v>
      </c>
      <c r="AS52" s="35">
        <v>18.074920241402936</v>
      </c>
      <c r="AT52" s="35">
        <v>64.7474212398904</v>
      </c>
      <c r="AU52" s="35">
        <v>27.525682393945829</v>
      </c>
      <c r="AV52" s="35">
        <v>10.728670587737014</v>
      </c>
      <c r="AW52" s="35">
        <v>36.211448370804305</v>
      </c>
      <c r="AX52" s="35">
        <v>0</v>
      </c>
      <c r="AY52" s="35">
        <v>185.65397053539348</v>
      </c>
      <c r="AZ52" s="35">
        <v>310.09343361006245</v>
      </c>
      <c r="BA52" s="35">
        <v>59.674177808464606</v>
      </c>
      <c r="BB52" s="35">
        <v>0</v>
      </c>
      <c r="BC52" s="35">
        <v>63.393882896663101</v>
      </c>
      <c r="BD52" s="35">
        <v>24.961392149830033</v>
      </c>
      <c r="BE52" s="35">
        <v>43.894076606621255</v>
      </c>
      <c r="BF52" s="35">
        <v>8.2372668670305984</v>
      </c>
      <c r="BG52" s="35">
        <v>39.175546255167276</v>
      </c>
      <c r="BH52" s="35">
        <v>7.6813463239737843</v>
      </c>
      <c r="BI52" s="35">
        <v>798.49059821771198</v>
      </c>
      <c r="BJ52" s="35"/>
      <c r="BK52" s="35">
        <v>0</v>
      </c>
      <c r="BL52" s="35">
        <v>51.542687376597954</v>
      </c>
      <c r="BM52" s="35">
        <v>38.339612620537409</v>
      </c>
      <c r="BN52" s="35">
        <v>2.631503285974361</v>
      </c>
      <c r="BO52" s="35">
        <v>0</v>
      </c>
      <c r="BP52" s="35">
        <v>306.00519545358804</v>
      </c>
      <c r="BQ52" s="35">
        <v>414.18051976928206</v>
      </c>
      <c r="BR52" s="35">
        <v>5.1957975167144212</v>
      </c>
      <c r="BS52" s="35">
        <v>7.5773947345853685</v>
      </c>
      <c r="BT52" s="35">
        <v>24.994298219763266</v>
      </c>
      <c r="BU52" s="35">
        <v>64.437721407700465</v>
      </c>
      <c r="BV52" s="35">
        <v>96.254828280708296</v>
      </c>
      <c r="BW52" s="35">
        <v>53.710852391278706</v>
      </c>
      <c r="BX52" s="35">
        <v>171.67120804618671</v>
      </c>
      <c r="BY52" s="35">
        <v>363.30903468080407</v>
      </c>
      <c r="BZ52" s="35">
        <v>99.762168888743332</v>
      </c>
      <c r="CA52" s="35">
        <v>7.4021059845017874</v>
      </c>
      <c r="CB52" s="35">
        <v>77.799820243006252</v>
      </c>
      <c r="CC52" s="35">
        <v>31.740112221157801</v>
      </c>
      <c r="CD52" s="35">
        <v>369.98123827392124</v>
      </c>
      <c r="CE52" s="35">
        <v>211.0815101854094</v>
      </c>
      <c r="CF52" s="35">
        <v>530.75962910128396</v>
      </c>
      <c r="CG52" s="35">
        <v>242.7671327464181</v>
      </c>
      <c r="CH52" s="35">
        <v>358.56174195396812</v>
      </c>
      <c r="CI52" s="35">
        <v>141.71269391479757</v>
      </c>
      <c r="CJ52" s="35">
        <v>164.33183917282241</v>
      </c>
      <c r="CK52" s="35">
        <v>137.87849364384627</v>
      </c>
      <c r="CL52" s="35">
        <v>176.6352782740484</v>
      </c>
      <c r="CM52" s="35">
        <v>112.58670972631856</v>
      </c>
      <c r="CN52" s="35">
        <v>147.94131681318589</v>
      </c>
      <c r="CO52" s="35">
        <v>302.22678999657421</v>
      </c>
      <c r="CP52" s="35">
        <v>129.02421425691307</v>
      </c>
      <c r="CQ52" s="35">
        <v>216.3730091559591</v>
      </c>
      <c r="CR52" s="35">
        <v>337.18288527073082</v>
      </c>
      <c r="CS52" s="35">
        <v>106.27735409927251</v>
      </c>
      <c r="CT52" s="35">
        <v>84.137838262000301</v>
      </c>
      <c r="CU52" s="35">
        <v>121.06074102607309</v>
      </c>
      <c r="CV52" s="35">
        <v>200.98665804239241</v>
      </c>
      <c r="CW52" s="35">
        <v>2179.1610284167796</v>
      </c>
      <c r="CX52" s="35">
        <v>1006.3965884861409</v>
      </c>
      <c r="CY52" s="35">
        <v>5.585970915312231</v>
      </c>
      <c r="CZ52" s="35">
        <v>89.649983574766566</v>
      </c>
      <c r="DA52" s="35">
        <v>153.17439409905163</v>
      </c>
      <c r="DB52" s="35">
        <v>25.415989474498886</v>
      </c>
      <c r="DC52" s="35">
        <v>73.292821093830455</v>
      </c>
      <c r="DD52" s="35">
        <v>444.84395225082699</v>
      </c>
      <c r="DE52" s="35">
        <v>149.5955772216019</v>
      </c>
      <c r="DF52" s="35">
        <v>98.090864686131439</v>
      </c>
      <c r="DG52" s="35">
        <v>9.3532447661841474</v>
      </c>
    </row>
    <row r="53" spans="1:111" ht="10" customHeight="1">
      <c r="A53" s="84"/>
      <c r="B53" s="85"/>
      <c r="C53" s="85"/>
      <c r="D53" s="81" t="s">
        <v>311</v>
      </c>
      <c r="E53" s="81"/>
      <c r="F53" s="35">
        <v>51.96521739130435</v>
      </c>
      <c r="G53" s="35" t="s">
        <v>322</v>
      </c>
      <c r="H53" s="35">
        <v>54.697674418604649</v>
      </c>
      <c r="I53" s="35" t="s">
        <v>322</v>
      </c>
      <c r="J53" s="35" t="s">
        <v>322</v>
      </c>
      <c r="K53" s="35">
        <v>68.933333333333337</v>
      </c>
      <c r="L53" s="35" t="s">
        <v>322</v>
      </c>
      <c r="M53" s="35">
        <v>63.77514792899408</v>
      </c>
      <c r="N53" s="35">
        <v>48.085874799357946</v>
      </c>
      <c r="O53" s="35" t="s">
        <v>322</v>
      </c>
      <c r="P53" s="35">
        <v>85.324955116696586</v>
      </c>
      <c r="Q53" s="35" t="s">
        <v>322</v>
      </c>
      <c r="R53" s="35" t="s">
        <v>322</v>
      </c>
      <c r="S53" s="35">
        <v>63.936731107205624</v>
      </c>
      <c r="T53" s="35" t="s">
        <v>322</v>
      </c>
      <c r="U53" s="35">
        <v>72.300092621179374</v>
      </c>
      <c r="V53" s="35" t="s">
        <v>322</v>
      </c>
      <c r="W53" s="35" t="s">
        <v>322</v>
      </c>
      <c r="X53" s="35" t="s">
        <v>322</v>
      </c>
      <c r="Y53" s="35" t="s">
        <v>322</v>
      </c>
      <c r="Z53" s="35" t="s">
        <v>322</v>
      </c>
      <c r="AA53" s="35" t="s">
        <v>322</v>
      </c>
      <c r="AB53" s="35" t="s">
        <v>322</v>
      </c>
      <c r="AC53" s="35" t="s">
        <v>322</v>
      </c>
      <c r="AD53" s="35" t="s">
        <v>322</v>
      </c>
      <c r="AE53" s="35" t="s">
        <v>322</v>
      </c>
      <c r="AF53" s="35" t="s">
        <v>322</v>
      </c>
      <c r="AG53" s="35" t="s">
        <v>322</v>
      </c>
      <c r="AH53" s="35" t="s">
        <v>322</v>
      </c>
      <c r="AI53" s="35" t="s">
        <v>322</v>
      </c>
      <c r="AJ53" s="35" t="s">
        <v>322</v>
      </c>
      <c r="AK53" s="35" t="s">
        <v>322</v>
      </c>
      <c r="AL53" s="35" t="s">
        <v>322</v>
      </c>
      <c r="AM53" s="35" t="s">
        <v>322</v>
      </c>
      <c r="AN53" s="35">
        <v>61.595860566448799</v>
      </c>
      <c r="AO53" s="35" t="s">
        <v>322</v>
      </c>
      <c r="AP53" s="35" t="s">
        <v>322</v>
      </c>
      <c r="AQ53" s="35" t="s">
        <v>322</v>
      </c>
      <c r="AR53" s="35" t="s">
        <v>322</v>
      </c>
      <c r="AS53" s="35" t="s">
        <v>322</v>
      </c>
      <c r="AT53" s="35" t="s">
        <v>322</v>
      </c>
      <c r="AU53" s="35" t="s">
        <v>322</v>
      </c>
      <c r="AV53" s="35" t="s">
        <v>322</v>
      </c>
      <c r="AW53" s="35" t="s">
        <v>322</v>
      </c>
      <c r="AX53" s="35" t="s">
        <v>322</v>
      </c>
      <c r="AY53" s="35" t="s">
        <v>322</v>
      </c>
      <c r="AZ53" s="35" t="s">
        <v>322</v>
      </c>
      <c r="BA53" s="35" t="s">
        <v>322</v>
      </c>
      <c r="BB53" s="35" t="s">
        <v>322</v>
      </c>
      <c r="BC53" s="35" t="s">
        <v>322</v>
      </c>
      <c r="BD53" s="35" t="s">
        <v>322</v>
      </c>
      <c r="BE53" s="35" t="s">
        <v>322</v>
      </c>
      <c r="BF53" s="35">
        <v>56.815261044176701</v>
      </c>
      <c r="BG53" s="35">
        <v>39.167315175097279</v>
      </c>
      <c r="BH53" s="35" t="s">
        <v>322</v>
      </c>
      <c r="BI53" s="35">
        <v>75.268817204301072</v>
      </c>
      <c r="BJ53" s="35"/>
      <c r="BK53" s="35" t="s">
        <v>322</v>
      </c>
      <c r="BL53" s="35" t="s">
        <v>322</v>
      </c>
      <c r="BM53" s="35" t="s">
        <v>322</v>
      </c>
      <c r="BN53" s="35" t="s">
        <v>322</v>
      </c>
      <c r="BO53" s="35" t="s">
        <v>322</v>
      </c>
      <c r="BP53" s="35">
        <v>50.714285714285708</v>
      </c>
      <c r="BQ53" s="35">
        <v>20.222222222222221</v>
      </c>
      <c r="BR53" s="35" t="s">
        <v>322</v>
      </c>
      <c r="BS53" s="35" t="s">
        <v>322</v>
      </c>
      <c r="BT53" s="35">
        <v>56.025316455696206</v>
      </c>
      <c r="BU53" s="35" t="s">
        <v>322</v>
      </c>
      <c r="BV53" s="35">
        <v>63.433637829124123</v>
      </c>
      <c r="BW53" s="35">
        <v>51.746323529411761</v>
      </c>
      <c r="BX53" s="35">
        <v>49.781113195747338</v>
      </c>
      <c r="BY53" s="35">
        <v>46.311858076563958</v>
      </c>
      <c r="BZ53" s="35">
        <v>85.225885225885222</v>
      </c>
      <c r="CA53" s="35">
        <v>41.28347650328449</v>
      </c>
      <c r="CB53" s="35">
        <v>52.854477611940297</v>
      </c>
      <c r="CC53" s="35">
        <v>58.369408369408369</v>
      </c>
      <c r="CD53" s="35">
        <v>37.446808510638299</v>
      </c>
      <c r="CE53" s="35">
        <v>65.730337078651687</v>
      </c>
      <c r="CF53" s="35">
        <v>100</v>
      </c>
      <c r="CG53" s="35">
        <v>52.262090483619353</v>
      </c>
      <c r="CH53" s="35">
        <v>57.272727272727273</v>
      </c>
      <c r="CI53" s="35">
        <v>47.79874213836478</v>
      </c>
      <c r="CJ53" s="35">
        <v>20.848938826466917</v>
      </c>
      <c r="CK53" s="35">
        <v>55.54054054054054</v>
      </c>
      <c r="CL53" s="35">
        <v>58.252427184466015</v>
      </c>
      <c r="CM53" s="35">
        <v>66.804979253112023</v>
      </c>
      <c r="CN53" s="35">
        <v>37.834882449425919</v>
      </c>
      <c r="CO53" s="35">
        <v>33.070866141732289</v>
      </c>
      <c r="CP53" s="35">
        <v>45.846905537459278</v>
      </c>
      <c r="CQ53" s="35">
        <v>48.767123287671232</v>
      </c>
      <c r="CR53" s="35">
        <v>50.877192982456144</v>
      </c>
      <c r="CS53" s="35" t="s">
        <v>322</v>
      </c>
      <c r="CT53" s="35">
        <v>42.327675788015242</v>
      </c>
      <c r="CU53" s="35">
        <v>100</v>
      </c>
      <c r="CV53" s="35">
        <v>47.007042253521128</v>
      </c>
      <c r="CW53" s="35">
        <v>55.555555555555557</v>
      </c>
      <c r="CX53" s="35">
        <v>52.173913043478258</v>
      </c>
      <c r="CY53" s="35" t="s">
        <v>322</v>
      </c>
      <c r="CZ53" s="35">
        <v>100</v>
      </c>
      <c r="DA53" s="35">
        <v>59.090909090909093</v>
      </c>
      <c r="DB53" s="35">
        <v>46.31487134757959</v>
      </c>
      <c r="DC53" s="35">
        <v>100</v>
      </c>
      <c r="DD53" s="35">
        <v>46.913580246913575</v>
      </c>
      <c r="DE53" s="35">
        <v>100</v>
      </c>
      <c r="DF53" s="35" t="s">
        <v>322</v>
      </c>
      <c r="DG53" s="35" t="s">
        <v>322</v>
      </c>
    </row>
    <row r="54" spans="1:111" ht="10" customHeight="1">
      <c r="A54" s="84"/>
      <c r="B54" s="85"/>
      <c r="C54" s="85"/>
      <c r="D54" s="81" t="s">
        <v>253</v>
      </c>
      <c r="E54" s="81"/>
      <c r="F54" s="35">
        <v>98.044244825821622</v>
      </c>
      <c r="G54" s="35">
        <v>98.270191137700266</v>
      </c>
      <c r="H54" s="35">
        <v>88.114387846291336</v>
      </c>
      <c r="I54" s="35">
        <v>94.362685848309766</v>
      </c>
      <c r="J54" s="35">
        <v>89.988646229880459</v>
      </c>
      <c r="K54" s="35">
        <v>98.602412612223489</v>
      </c>
      <c r="L54" s="35">
        <v>98.709009362286153</v>
      </c>
      <c r="M54" s="35">
        <v>95.391026777797478</v>
      </c>
      <c r="N54" s="35">
        <v>83.478909787825856</v>
      </c>
      <c r="O54" s="35">
        <v>90.189827259277777</v>
      </c>
      <c r="P54" s="35">
        <v>98.000735173991188</v>
      </c>
      <c r="Q54" s="35">
        <v>97.251998414800354</v>
      </c>
      <c r="R54" s="35">
        <v>98.987195304712714</v>
      </c>
      <c r="S54" s="35">
        <v>91.055383522006196</v>
      </c>
      <c r="T54" s="35">
        <v>94.325997248968363</v>
      </c>
      <c r="U54" s="35">
        <v>90.549564033656836</v>
      </c>
      <c r="V54" s="35">
        <v>96.946054503501358</v>
      </c>
      <c r="W54" s="35">
        <v>95.310763909932405</v>
      </c>
      <c r="X54" s="35">
        <v>96.828442867979945</v>
      </c>
      <c r="Y54" s="35">
        <v>99.518459069020864</v>
      </c>
      <c r="Z54" s="35">
        <v>98.777057151461293</v>
      </c>
      <c r="AA54" s="35">
        <v>98.103338093397184</v>
      </c>
      <c r="AB54" s="35">
        <v>99.157466386055191</v>
      </c>
      <c r="AC54" s="35">
        <v>99.213096603266237</v>
      </c>
      <c r="AD54" s="35">
        <v>99.323298222594786</v>
      </c>
      <c r="AE54" s="35">
        <v>98.776915373059595</v>
      </c>
      <c r="AF54" s="35">
        <v>96.628026078332553</v>
      </c>
      <c r="AG54" s="35">
        <v>92.258286714263107</v>
      </c>
      <c r="AH54" s="35">
        <v>99.294323999102602</v>
      </c>
      <c r="AI54" s="35">
        <v>90.917669566566275</v>
      </c>
      <c r="AJ54" s="35">
        <v>99.414874410939618</v>
      </c>
      <c r="AK54" s="35">
        <v>90.372763811175034</v>
      </c>
      <c r="AL54" s="35">
        <v>94.060824551673136</v>
      </c>
      <c r="AM54" s="35">
        <v>82.372008347764307</v>
      </c>
      <c r="AN54" s="35">
        <v>98.085801148519309</v>
      </c>
      <c r="AO54" s="35">
        <v>97.218739689871327</v>
      </c>
      <c r="AP54" s="35">
        <v>97.275186748044803</v>
      </c>
      <c r="AQ54" s="35">
        <v>96.506125098028605</v>
      </c>
      <c r="AR54" s="35">
        <v>93.16162116488448</v>
      </c>
      <c r="AS54" s="35">
        <v>99.529657695322697</v>
      </c>
      <c r="AT54" s="35">
        <v>97.800915537204915</v>
      </c>
      <c r="AU54" s="35">
        <v>92.438452520515824</v>
      </c>
      <c r="AV54" s="35">
        <v>81.935161471672174</v>
      </c>
      <c r="AW54" s="35">
        <v>98.33453274390871</v>
      </c>
      <c r="AX54" s="35">
        <v>97</v>
      </c>
      <c r="AY54" s="35">
        <v>72.351068667576172</v>
      </c>
      <c r="AZ54" s="35">
        <v>20.798319327731093</v>
      </c>
      <c r="BA54" s="35">
        <v>54.841628959276022</v>
      </c>
      <c r="BB54" s="35">
        <v>90.06392284400583</v>
      </c>
      <c r="BC54" s="35">
        <v>95.689446993479834</v>
      </c>
      <c r="BD54" s="35">
        <v>91.470685051753776</v>
      </c>
      <c r="BE54" s="35">
        <v>85.557105222377189</v>
      </c>
      <c r="BF54" s="35">
        <v>96.05016555257076</v>
      </c>
      <c r="BG54" s="35">
        <v>90.258585305787392</v>
      </c>
      <c r="BH54" s="35">
        <v>96.308394279666985</v>
      </c>
      <c r="BI54" s="35">
        <v>97.356828193832598</v>
      </c>
      <c r="BJ54" s="35"/>
      <c r="BK54" s="35">
        <v>100</v>
      </c>
      <c r="BL54" s="35">
        <v>89.408463876548979</v>
      </c>
      <c r="BM54" s="35">
        <v>85.605419136325139</v>
      </c>
      <c r="BN54" s="35">
        <v>96.380182002022238</v>
      </c>
      <c r="BO54" s="35">
        <v>69.609375</v>
      </c>
      <c r="BP54" s="35">
        <v>84.821150855365474</v>
      </c>
      <c r="BQ54" s="35">
        <v>70.244328097731241</v>
      </c>
      <c r="BR54" s="35">
        <v>47.241725175526575</v>
      </c>
      <c r="BS54" s="35">
        <v>87.157833430401865</v>
      </c>
      <c r="BT54" s="35">
        <v>83.210702341137122</v>
      </c>
      <c r="BU54" s="35">
        <v>85.377851057982966</v>
      </c>
      <c r="BV54" s="35">
        <v>85.151446139831478</v>
      </c>
      <c r="BW54" s="35">
        <v>77.519032691446483</v>
      </c>
      <c r="BX54" s="35">
        <v>80</v>
      </c>
      <c r="BY54" s="35">
        <v>84.683488269145641</v>
      </c>
      <c r="BZ54" s="35">
        <v>94.719871019750101</v>
      </c>
      <c r="CA54" s="35">
        <v>89.584022950457907</v>
      </c>
      <c r="CB54" s="35">
        <v>90.433156746650042</v>
      </c>
      <c r="CC54" s="35">
        <v>84.27813459927394</v>
      </c>
      <c r="CD54" s="35">
        <v>86.876640419947506</v>
      </c>
      <c r="CE54" s="35">
        <v>95.205479452054803</v>
      </c>
      <c r="CF54" s="35">
        <v>81.818181818181827</v>
      </c>
      <c r="CG54" s="35">
        <v>91.006600660065999</v>
      </c>
      <c r="CH54" s="35">
        <v>100</v>
      </c>
      <c r="CI54" s="35">
        <v>100</v>
      </c>
      <c r="CJ54" s="35">
        <v>91.259259259259267</v>
      </c>
      <c r="CK54" s="35">
        <v>93.48441926345609</v>
      </c>
      <c r="CL54" s="35">
        <v>95.995828988529723</v>
      </c>
      <c r="CM54" s="35">
        <v>87.104337631887446</v>
      </c>
      <c r="CN54" s="35">
        <v>76.11825192802057</v>
      </c>
      <c r="CO54" s="35">
        <v>67.058823529411754</v>
      </c>
      <c r="CP54" s="35">
        <v>81.546134663341647</v>
      </c>
      <c r="CQ54" s="35">
        <v>92.848020434227323</v>
      </c>
      <c r="CR54" s="35">
        <v>95.689655172413794</v>
      </c>
      <c r="CS54" s="35">
        <v>86.867955218380288</v>
      </c>
      <c r="CT54" s="35">
        <v>100</v>
      </c>
      <c r="CU54" s="35">
        <v>100</v>
      </c>
      <c r="CV54" s="35">
        <v>100</v>
      </c>
      <c r="CW54" s="35">
        <v>100</v>
      </c>
      <c r="CX54" s="35">
        <v>100</v>
      </c>
      <c r="CY54" s="35">
        <v>100</v>
      </c>
      <c r="CZ54" s="35">
        <v>100</v>
      </c>
      <c r="DA54" s="35">
        <v>100</v>
      </c>
      <c r="DB54" s="35">
        <v>100</v>
      </c>
      <c r="DC54" s="35">
        <v>100</v>
      </c>
      <c r="DD54" s="35">
        <v>100</v>
      </c>
      <c r="DE54" s="35">
        <v>100</v>
      </c>
      <c r="DF54" s="35">
        <v>100</v>
      </c>
      <c r="DG54" s="35">
        <v>96.137973562079964</v>
      </c>
    </row>
    <row r="55" spans="1:111" ht="10" customHeight="1">
      <c r="A55" s="86"/>
      <c r="B55" s="87"/>
      <c r="C55" s="87"/>
      <c r="D55" s="81" t="s">
        <v>254</v>
      </c>
      <c r="E55" s="81"/>
      <c r="F55" s="35">
        <v>77.452039488473261</v>
      </c>
      <c r="G55" s="35">
        <v>70.984480313484227</v>
      </c>
      <c r="H55" s="35">
        <v>76.512846173324675</v>
      </c>
      <c r="I55" s="35">
        <v>96.898037795421558</v>
      </c>
      <c r="J55" s="35">
        <v>65.093939733079651</v>
      </c>
      <c r="K55" s="35">
        <v>60.206945485127761</v>
      </c>
      <c r="L55" s="35">
        <v>93.808902807956841</v>
      </c>
      <c r="M55" s="35">
        <v>75.291080003152032</v>
      </c>
      <c r="N55" s="35">
        <v>93.854810728624656</v>
      </c>
      <c r="O55" s="35">
        <v>105.29083659453251</v>
      </c>
      <c r="P55" s="35">
        <v>74.571615743033973</v>
      </c>
      <c r="Q55" s="35">
        <v>91.944647289199835</v>
      </c>
      <c r="R55" s="35">
        <v>80.722511203889283</v>
      </c>
      <c r="S55" s="35">
        <v>80.872224768306339</v>
      </c>
      <c r="T55" s="35">
        <v>80.244250952618387</v>
      </c>
      <c r="U55" s="35">
        <v>80.365099719758604</v>
      </c>
      <c r="V55" s="35">
        <v>87.316976330934494</v>
      </c>
      <c r="W55" s="35">
        <v>88.200661538832165</v>
      </c>
      <c r="X55" s="35">
        <v>89.24122439330516</v>
      </c>
      <c r="Y55" s="35">
        <v>78.187835377647588</v>
      </c>
      <c r="Z55" s="35">
        <v>95.129698585223892</v>
      </c>
      <c r="AA55" s="35">
        <v>90.87964796425274</v>
      </c>
      <c r="AB55" s="35">
        <v>82.698623780720453</v>
      </c>
      <c r="AC55" s="35">
        <v>74.087386129522699</v>
      </c>
      <c r="AD55" s="35">
        <v>95.315419543528208</v>
      </c>
      <c r="AE55" s="35">
        <v>99.500218935393733</v>
      </c>
      <c r="AF55" s="35">
        <v>77.8157468932055</v>
      </c>
      <c r="AG55" s="35">
        <v>85.303896642789582</v>
      </c>
      <c r="AH55" s="35">
        <v>71.28148465766337</v>
      </c>
      <c r="AI55" s="35">
        <v>81.930183526432103</v>
      </c>
      <c r="AJ55" s="35">
        <v>83.122616711168234</v>
      </c>
      <c r="AK55" s="35">
        <v>85.125343046720886</v>
      </c>
      <c r="AL55" s="35">
        <v>87.366437148987089</v>
      </c>
      <c r="AM55" s="35">
        <v>71.641390235467213</v>
      </c>
      <c r="AN55" s="35">
        <v>92.034158513911805</v>
      </c>
      <c r="AO55" s="35">
        <v>97.052573684820501</v>
      </c>
      <c r="AP55" s="35">
        <v>85.321514782310217</v>
      </c>
      <c r="AQ55" s="35">
        <v>87.848518405942443</v>
      </c>
      <c r="AR55" s="35">
        <v>93.04224401612548</v>
      </c>
      <c r="AS55" s="35">
        <v>79.178632067697365</v>
      </c>
      <c r="AT55" s="35">
        <v>90.618564961945395</v>
      </c>
      <c r="AU55" s="35">
        <v>90.572378703590218</v>
      </c>
      <c r="AV55" s="35">
        <v>92.573443159285134</v>
      </c>
      <c r="AW55" s="35">
        <v>83.459469941431166</v>
      </c>
      <c r="AX55" s="35">
        <v>100.89735378807893</v>
      </c>
      <c r="AY55" s="35">
        <v>100</v>
      </c>
      <c r="AZ55" s="35">
        <v>102.04067034539138</v>
      </c>
      <c r="BA55" s="35">
        <v>100</v>
      </c>
      <c r="BB55" s="35">
        <v>89.315419120815349</v>
      </c>
      <c r="BC55" s="35">
        <v>80.831920632135436</v>
      </c>
      <c r="BD55" s="35">
        <v>85.692313915264933</v>
      </c>
      <c r="BE55" s="35">
        <v>91.658930073386543</v>
      </c>
      <c r="BF55" s="35">
        <v>76.224401370512169</v>
      </c>
      <c r="BG55" s="35">
        <v>95.336102169008313</v>
      </c>
      <c r="BH55" s="35">
        <v>83.756191665251094</v>
      </c>
      <c r="BI55" s="35">
        <v>68.867333555194492</v>
      </c>
      <c r="BJ55" s="35"/>
      <c r="BK55" s="35">
        <v>99.500169247880009</v>
      </c>
      <c r="BL55" s="35">
        <v>79.994014176326957</v>
      </c>
      <c r="BM55" s="35">
        <v>73.994792818018823</v>
      </c>
      <c r="BN55" s="35">
        <v>79.178618242117949</v>
      </c>
      <c r="BO55" s="35">
        <v>100.94570349156646</v>
      </c>
      <c r="BP55" s="35">
        <v>96.817292659531887</v>
      </c>
      <c r="BQ55" s="35">
        <v>112.1333450662912</v>
      </c>
      <c r="BR55" s="35">
        <v>100</v>
      </c>
      <c r="BS55" s="35">
        <v>68.10138410325294</v>
      </c>
      <c r="BT55" s="35">
        <v>93.634884680724454</v>
      </c>
      <c r="BU55" s="35">
        <v>84.710267886367774</v>
      </c>
      <c r="BV55" s="35">
        <v>86.25104437430376</v>
      </c>
      <c r="BW55" s="35">
        <v>100</v>
      </c>
      <c r="BX55" s="35">
        <v>95.659277124169762</v>
      </c>
      <c r="BY55" s="35">
        <v>100</v>
      </c>
      <c r="BZ55" s="35">
        <v>88.664467213263492</v>
      </c>
      <c r="CA55" s="35">
        <v>90.300413211096384</v>
      </c>
      <c r="CB55" s="35">
        <v>100</v>
      </c>
      <c r="CC55" s="35">
        <v>100</v>
      </c>
      <c r="CD55" s="35">
        <v>100</v>
      </c>
      <c r="CE55" s="35">
        <v>85.784528728733349</v>
      </c>
      <c r="CF55" s="35">
        <v>100</v>
      </c>
      <c r="CG55" s="35">
        <v>100</v>
      </c>
      <c r="CH55" s="35">
        <v>99.764190267489212</v>
      </c>
      <c r="CI55" s="35">
        <v>93.722429283926616</v>
      </c>
      <c r="CJ55" s="35">
        <v>73.218121114600237</v>
      </c>
      <c r="CK55" s="35">
        <v>87.444321076350334</v>
      </c>
      <c r="CL55" s="35">
        <v>116.88727198296237</v>
      </c>
      <c r="CM55" s="35">
        <v>97.086959303813671</v>
      </c>
      <c r="CN55" s="35">
        <v>90.764081069375834</v>
      </c>
      <c r="CO55" s="35">
        <v>96.508629240230121</v>
      </c>
      <c r="CP55" s="35">
        <v>90.816405196006627</v>
      </c>
      <c r="CQ55" s="35">
        <v>100</v>
      </c>
      <c r="CR55" s="35">
        <v>100</v>
      </c>
      <c r="CS55" s="35">
        <v>94.353707419673256</v>
      </c>
      <c r="CT55" s="35">
        <v>100</v>
      </c>
      <c r="CU55" s="35">
        <v>100</v>
      </c>
      <c r="CV55" s="35">
        <v>100</v>
      </c>
      <c r="CW55" s="35">
        <v>100</v>
      </c>
      <c r="CX55" s="35">
        <v>100</v>
      </c>
      <c r="CY55" s="35">
        <v>100</v>
      </c>
      <c r="CZ55" s="35">
        <v>100</v>
      </c>
      <c r="DA55" s="35">
        <v>100</v>
      </c>
      <c r="DB55" s="35">
        <v>100</v>
      </c>
      <c r="DC55" s="35">
        <v>100</v>
      </c>
      <c r="DD55" s="35">
        <v>100</v>
      </c>
      <c r="DE55" s="35">
        <v>100</v>
      </c>
      <c r="DF55" s="35">
        <v>100</v>
      </c>
      <c r="DG55" s="35">
        <v>83.906871614879634</v>
      </c>
    </row>
    <row r="56" spans="1:111" ht="10" customHeight="1">
      <c r="A56" s="128" t="s">
        <v>255</v>
      </c>
      <c r="B56" s="129"/>
      <c r="C56" s="130"/>
      <c r="D56" s="88" t="s">
        <v>312</v>
      </c>
      <c r="E56" s="88"/>
      <c r="F56" s="35">
        <v>35.578280495853633</v>
      </c>
      <c r="G56" s="35">
        <v>44.25817354140306</v>
      </c>
      <c r="H56" s="35">
        <v>20.913948209468884</v>
      </c>
      <c r="I56" s="35">
        <v>18.247992105962823</v>
      </c>
      <c r="J56" s="35">
        <v>20.760566675519314</v>
      </c>
      <c r="K56" s="35">
        <v>58.852624576636714</v>
      </c>
      <c r="L56" s="35">
        <v>29.231587350250376</v>
      </c>
      <c r="M56" s="35">
        <v>18.903869788619655</v>
      </c>
      <c r="N56" s="35">
        <v>50.133126620036236</v>
      </c>
      <c r="O56" s="35">
        <v>22.720407675879162</v>
      </c>
      <c r="P56" s="35">
        <v>24.381698308310231</v>
      </c>
      <c r="Q56" s="35">
        <v>31.318898797591523</v>
      </c>
      <c r="R56" s="35">
        <v>36.928495730211097</v>
      </c>
      <c r="S56" s="35">
        <v>19.838466247380598</v>
      </c>
      <c r="T56" s="35">
        <v>36.062629555328598</v>
      </c>
      <c r="U56" s="35">
        <v>47.562976738145956</v>
      </c>
      <c r="V56" s="35">
        <v>18.127498862206544</v>
      </c>
      <c r="W56" s="35">
        <v>16.395107411784078</v>
      </c>
      <c r="X56" s="35">
        <v>18.593783224890764</v>
      </c>
      <c r="Y56" s="35">
        <v>25.357440550594411</v>
      </c>
      <c r="Z56" s="35">
        <v>38.460815551917698</v>
      </c>
      <c r="AA56" s="35">
        <v>31.165229485702039</v>
      </c>
      <c r="AB56" s="35">
        <v>20.31656344760572</v>
      </c>
      <c r="AC56" s="35">
        <v>38.449055462115709</v>
      </c>
      <c r="AD56" s="35">
        <v>30.046875343377096</v>
      </c>
      <c r="AE56" s="35">
        <v>17.771313594221969</v>
      </c>
      <c r="AF56" s="35">
        <v>22.190415983245362</v>
      </c>
      <c r="AG56" s="35">
        <v>26.96739718375845</v>
      </c>
      <c r="AH56" s="35">
        <v>27.227779451004942</v>
      </c>
      <c r="AI56" s="35">
        <v>13.98376840225202</v>
      </c>
      <c r="AJ56" s="35">
        <v>52.222633173899609</v>
      </c>
      <c r="AK56" s="35">
        <v>13.638835671310797</v>
      </c>
      <c r="AL56" s="35">
        <v>52.688076891438328</v>
      </c>
      <c r="AM56" s="35">
        <v>42.033933519320911</v>
      </c>
      <c r="AN56" s="35">
        <v>53.229673485068631</v>
      </c>
      <c r="AO56" s="35">
        <v>14.745079626706501</v>
      </c>
      <c r="AP56" s="35">
        <v>30.266183355590698</v>
      </c>
      <c r="AQ56" s="35">
        <v>15.989977505448246</v>
      </c>
      <c r="AR56" s="35">
        <v>16.213097370077755</v>
      </c>
      <c r="AS56" s="35">
        <v>25.435637617262184</v>
      </c>
      <c r="AT56" s="35">
        <v>41.814241867397556</v>
      </c>
      <c r="AU56" s="35">
        <v>16.583188979242426</v>
      </c>
      <c r="AV56" s="35">
        <v>13.859748052420207</v>
      </c>
      <c r="AW56" s="35">
        <v>13.331656070312611</v>
      </c>
      <c r="AX56" s="35">
        <v>4.2322245728048458</v>
      </c>
      <c r="AY56" s="35"/>
      <c r="AZ56" s="35">
        <v>31.046289147729176</v>
      </c>
      <c r="BA56" s="35">
        <v>21.848906268375867</v>
      </c>
      <c r="BB56" s="35">
        <v>17.979453462980956</v>
      </c>
      <c r="BC56" s="35">
        <v>20.968715458404084</v>
      </c>
      <c r="BD56" s="35">
        <v>17.795789948651738</v>
      </c>
      <c r="BE56" s="35">
        <v>21.668240925394517</v>
      </c>
      <c r="BF56" s="35">
        <v>17.351211395980869</v>
      </c>
      <c r="BG56" s="35">
        <v>52.468143289305289</v>
      </c>
      <c r="BH56" s="35">
        <v>30.275567242350821</v>
      </c>
      <c r="BI56" s="35">
        <v>24.124494666601723</v>
      </c>
      <c r="BJ56" s="35"/>
      <c r="BK56" s="35">
        <v>19.866349599064051</v>
      </c>
      <c r="BL56" s="35">
        <v>33.699168487846393</v>
      </c>
      <c r="BM56" s="35">
        <v>40.402494029574818</v>
      </c>
      <c r="BN56" s="35">
        <v>20.265845068582081</v>
      </c>
      <c r="BO56" s="35">
        <v>2.6552915154882926</v>
      </c>
      <c r="BP56" s="35">
        <v>9.125286531569845</v>
      </c>
      <c r="BQ56" s="35">
        <v>34.900897600678753</v>
      </c>
      <c r="BR56" s="35">
        <v>21.81878510315914</v>
      </c>
      <c r="BS56" s="35">
        <v>17.795867133142565</v>
      </c>
      <c r="BT56" s="35">
        <v>52.886746848143076</v>
      </c>
      <c r="BU56" s="35">
        <v>36.256216216890572</v>
      </c>
      <c r="BV56" s="35">
        <v>10.096506208999577</v>
      </c>
      <c r="BW56" s="35">
        <v>45.064725279359493</v>
      </c>
      <c r="BX56" s="35">
        <v>4.3745971809692117</v>
      </c>
      <c r="BY56" s="35">
        <v>14.459946773074206</v>
      </c>
      <c r="BZ56" s="35">
        <v>4.6395947480884141</v>
      </c>
      <c r="CA56" s="35">
        <v>29.916887167169104</v>
      </c>
      <c r="CB56" s="35">
        <v>13.299831103394814</v>
      </c>
      <c r="CC56" s="35">
        <v>54.065899067387647</v>
      </c>
      <c r="CD56" s="35">
        <v>44.99677939777748</v>
      </c>
      <c r="CE56" s="35">
        <v>40.424240359511032</v>
      </c>
      <c r="CF56" s="35">
        <v>4.0912501369932306</v>
      </c>
      <c r="CG56" s="35">
        <v>17.651906349968876</v>
      </c>
      <c r="CH56" s="35">
        <v>51.476027622557176</v>
      </c>
      <c r="CI56" s="35">
        <v>57.946818999450578</v>
      </c>
      <c r="CJ56" s="35">
        <v>44.405270322894168</v>
      </c>
      <c r="CK56" s="35">
        <v>15.039639718676433</v>
      </c>
      <c r="CL56" s="35">
        <v>3.4654320328891708</v>
      </c>
      <c r="CM56" s="35">
        <v>44.585741256306903</v>
      </c>
      <c r="CN56" s="35">
        <v>6.7508901834711201</v>
      </c>
      <c r="CO56" s="35">
        <v>3.3440746564924853</v>
      </c>
      <c r="CP56" s="35">
        <v>14.055609139304872</v>
      </c>
      <c r="CQ56" s="35">
        <v>17.855251963943093</v>
      </c>
      <c r="CR56" s="35">
        <v>3.3241519200607419</v>
      </c>
      <c r="CS56" s="35">
        <v>22.182094807166809</v>
      </c>
      <c r="CT56" s="35">
        <v>43.522507204246182</v>
      </c>
      <c r="CU56" s="35">
        <v>26.203882557465715</v>
      </c>
      <c r="CV56" s="35">
        <v>18.631016641725338</v>
      </c>
      <c r="CW56" s="35">
        <v>5.040975795692777</v>
      </c>
      <c r="CX56" s="35">
        <v>3.8975539969991972</v>
      </c>
      <c r="CY56" s="35">
        <v>32.188370362496016</v>
      </c>
      <c r="CZ56" s="35">
        <v>5.6051248626438985</v>
      </c>
      <c r="DA56" s="35">
        <v>7.7991721315287661</v>
      </c>
      <c r="DB56" s="35">
        <v>5.6695085485764602</v>
      </c>
      <c r="DC56" s="35">
        <v>42.926921831921327</v>
      </c>
      <c r="DD56" s="35">
        <v>15.482466192986477</v>
      </c>
      <c r="DE56" s="35">
        <v>7.6737621575483503</v>
      </c>
      <c r="DF56" s="35">
        <v>26.529794394354834</v>
      </c>
      <c r="DG56" s="35">
        <v>30.123186143197479</v>
      </c>
    </row>
    <row r="57" spans="1:111" ht="10" customHeight="1">
      <c r="A57" s="131"/>
      <c r="B57" s="132"/>
      <c r="C57" s="133"/>
      <c r="D57" s="81" t="s">
        <v>313</v>
      </c>
      <c r="E57" s="81"/>
      <c r="F57" s="36">
        <v>11.183633295838021</v>
      </c>
      <c r="G57" s="36">
        <v>18.161825726141082</v>
      </c>
      <c r="H57" s="36">
        <v>9.2780748663101598</v>
      </c>
      <c r="I57" s="36">
        <v>22.493846153846157</v>
      </c>
      <c r="J57" s="36">
        <v>23.850574712643677</v>
      </c>
      <c r="K57" s="36">
        <v>30.546728971962615</v>
      </c>
      <c r="L57" s="36">
        <v>12.79954954954955</v>
      </c>
      <c r="M57" s="36">
        <v>17.407534246575342</v>
      </c>
      <c r="N57" s="36">
        <v>0</v>
      </c>
      <c r="O57" s="36">
        <v>0.4869565217391304</v>
      </c>
      <c r="P57" s="36">
        <v>7.1881188118811892</v>
      </c>
      <c r="Q57" s="36">
        <v>0</v>
      </c>
      <c r="R57" s="36">
        <v>15.321033210332105</v>
      </c>
      <c r="S57" s="36">
        <v>0</v>
      </c>
      <c r="T57" s="36">
        <v>0</v>
      </c>
      <c r="U57" s="36">
        <v>0</v>
      </c>
      <c r="V57" s="36">
        <v>6.3954943679599499</v>
      </c>
      <c r="W57" s="36">
        <v>0.62359550561797761</v>
      </c>
      <c r="X57" s="36">
        <v>11.972299168975068</v>
      </c>
      <c r="Y57" s="36">
        <v>29.143646408839778</v>
      </c>
      <c r="Z57" s="36">
        <v>16.768072289156628</v>
      </c>
      <c r="AA57" s="36">
        <v>2.1677018633540377</v>
      </c>
      <c r="AB57" s="36">
        <v>0</v>
      </c>
      <c r="AC57" s="36">
        <v>8.9780701754385959</v>
      </c>
      <c r="AD57" s="36">
        <v>0</v>
      </c>
      <c r="AE57" s="36">
        <v>19.217391304347824</v>
      </c>
      <c r="AF57" s="36">
        <v>2.5490909090909093</v>
      </c>
      <c r="AG57" s="36">
        <v>8.1293859649122808</v>
      </c>
      <c r="AH57" s="36">
        <v>3.6173469387755097</v>
      </c>
      <c r="AI57" s="36">
        <v>0</v>
      </c>
      <c r="AJ57" s="36">
        <v>0</v>
      </c>
      <c r="AK57" s="36">
        <v>0</v>
      </c>
      <c r="AL57" s="36">
        <v>0</v>
      </c>
      <c r="AM57" s="36">
        <v>7.3888888888888893</v>
      </c>
      <c r="AN57" s="36">
        <v>0</v>
      </c>
      <c r="AO57" s="36">
        <v>0</v>
      </c>
      <c r="AP57" s="36">
        <v>0.12068965517241378</v>
      </c>
      <c r="AQ57" s="36">
        <v>0</v>
      </c>
      <c r="AR57" s="36">
        <v>0</v>
      </c>
      <c r="AS57" s="36">
        <v>0</v>
      </c>
      <c r="AT57" s="36">
        <v>0</v>
      </c>
      <c r="AU57" s="36">
        <v>13.139240506329115</v>
      </c>
      <c r="AV57" s="36">
        <v>0</v>
      </c>
      <c r="AW57" s="36">
        <v>0</v>
      </c>
      <c r="AX57" s="36">
        <v>0</v>
      </c>
      <c r="AY57" s="36">
        <v>0</v>
      </c>
      <c r="AZ57" s="36">
        <v>0</v>
      </c>
      <c r="BA57" s="36">
        <v>0</v>
      </c>
      <c r="BB57" s="36">
        <v>0</v>
      </c>
      <c r="BC57" s="36">
        <v>1.3055555555555554</v>
      </c>
      <c r="BD57" s="36">
        <v>0</v>
      </c>
      <c r="BE57" s="36">
        <v>0</v>
      </c>
      <c r="BF57" s="36">
        <v>25.131045241809673</v>
      </c>
      <c r="BG57" s="36">
        <v>0</v>
      </c>
      <c r="BH57" s="36">
        <v>9.3312162162162178</v>
      </c>
      <c r="BI57" s="36">
        <v>0</v>
      </c>
      <c r="BJ57" s="36"/>
      <c r="BK57" s="36">
        <v>0</v>
      </c>
      <c r="BL57" s="36">
        <v>0</v>
      </c>
      <c r="BM57" s="36">
        <v>0</v>
      </c>
      <c r="BN57" s="36">
        <v>0</v>
      </c>
      <c r="BO57" s="36">
        <v>0</v>
      </c>
      <c r="BP57" s="36">
        <v>0</v>
      </c>
      <c r="BQ57" s="36">
        <v>0</v>
      </c>
      <c r="BR57" s="36">
        <v>0</v>
      </c>
      <c r="BS57" s="36">
        <v>0</v>
      </c>
      <c r="BT57" s="36">
        <v>0</v>
      </c>
      <c r="BU57" s="36">
        <v>0</v>
      </c>
      <c r="BV57" s="36">
        <v>0</v>
      </c>
      <c r="BW57" s="36">
        <v>0</v>
      </c>
      <c r="BX57" s="36">
        <v>0</v>
      </c>
      <c r="BY57" s="36">
        <v>0</v>
      </c>
      <c r="BZ57" s="36">
        <v>0</v>
      </c>
      <c r="CA57" s="36">
        <v>0</v>
      </c>
      <c r="CB57" s="36">
        <v>0</v>
      </c>
      <c r="CC57" s="36">
        <v>0</v>
      </c>
      <c r="CD57" s="36">
        <v>0</v>
      </c>
      <c r="CE57" s="36">
        <v>0</v>
      </c>
      <c r="CF57" s="36">
        <v>0</v>
      </c>
      <c r="CG57" s="36">
        <v>0</v>
      </c>
      <c r="CH57" s="36">
        <v>0</v>
      </c>
      <c r="CI57" s="36">
        <v>0</v>
      </c>
      <c r="CJ57" s="36">
        <v>0</v>
      </c>
      <c r="CK57" s="36">
        <v>0</v>
      </c>
      <c r="CL57" s="36">
        <v>0</v>
      </c>
      <c r="CM57" s="36">
        <v>0</v>
      </c>
      <c r="CN57" s="36">
        <v>0</v>
      </c>
      <c r="CO57" s="36">
        <v>0</v>
      </c>
      <c r="CP57" s="36">
        <v>0</v>
      </c>
      <c r="CQ57" s="36">
        <v>0</v>
      </c>
      <c r="CR57" s="36">
        <v>0</v>
      </c>
      <c r="CS57" s="36">
        <v>0</v>
      </c>
      <c r="CT57" s="36"/>
      <c r="CU57" s="36"/>
      <c r="CV57" s="36"/>
      <c r="CW57" s="36"/>
      <c r="CX57" s="36"/>
      <c r="CY57" s="36"/>
      <c r="CZ57" s="36"/>
      <c r="DA57" s="36"/>
      <c r="DB57" s="36"/>
      <c r="DC57" s="36"/>
      <c r="DD57" s="36"/>
      <c r="DE57" s="36"/>
      <c r="DF57" s="36"/>
      <c r="DG57" s="36">
        <v>8.7587417022536052</v>
      </c>
    </row>
    <row r="58" spans="1:111" ht="10" customHeight="1">
      <c r="A58" s="134"/>
      <c r="B58" s="135"/>
      <c r="C58" s="136"/>
      <c r="D58" s="81" t="s">
        <v>314</v>
      </c>
      <c r="E58" s="81"/>
      <c r="F58" s="36">
        <v>0.17463442069741283</v>
      </c>
      <c r="G58" s="36">
        <v>1.4522821576763486E-2</v>
      </c>
      <c r="H58" s="36">
        <v>0.28877005347593582</v>
      </c>
      <c r="I58" s="36">
        <v>0.16769230769230772</v>
      </c>
      <c r="J58" s="36">
        <v>0</v>
      </c>
      <c r="K58" s="36">
        <v>0</v>
      </c>
      <c r="L58" s="36">
        <v>0.31606606606606608</v>
      </c>
      <c r="M58" s="36">
        <v>0</v>
      </c>
      <c r="N58" s="36">
        <v>0</v>
      </c>
      <c r="O58" s="36">
        <v>0</v>
      </c>
      <c r="P58" s="36">
        <v>0</v>
      </c>
      <c r="Q58" s="36">
        <v>0.10543130990415335</v>
      </c>
      <c r="R58" s="36">
        <v>0</v>
      </c>
      <c r="S58" s="36">
        <v>3.3208955223880601</v>
      </c>
      <c r="T58" s="36">
        <v>0</v>
      </c>
      <c r="U58" s="36">
        <v>0</v>
      </c>
      <c r="V58" s="36">
        <v>2.1276595744680854E-2</v>
      </c>
      <c r="W58" s="36">
        <v>0</v>
      </c>
      <c r="X58" s="36">
        <v>3.6934441366574334E-3</v>
      </c>
      <c r="Y58" s="36">
        <v>8.8397790055248615E-2</v>
      </c>
      <c r="Z58" s="36">
        <v>7.2289156626506021E-2</v>
      </c>
      <c r="AA58" s="36">
        <v>0.32091097308488614</v>
      </c>
      <c r="AB58" s="36">
        <v>0.2745535714285714</v>
      </c>
      <c r="AC58" s="36">
        <v>0</v>
      </c>
      <c r="AD58" s="36">
        <v>0</v>
      </c>
      <c r="AE58" s="36">
        <v>6.3858695652173905E-2</v>
      </c>
      <c r="AF58" s="36">
        <v>0</v>
      </c>
      <c r="AG58" s="36">
        <v>0</v>
      </c>
      <c r="AH58" s="36">
        <v>0</v>
      </c>
      <c r="AI58" s="36">
        <v>7.0175438596491238E-2</v>
      </c>
      <c r="AJ58" s="36">
        <v>0.2142857142857143</v>
      </c>
      <c r="AK58" s="36">
        <v>0</v>
      </c>
      <c r="AL58" s="36">
        <v>0</v>
      </c>
      <c r="AM58" s="36">
        <v>0</v>
      </c>
      <c r="AN58" s="36">
        <v>0</v>
      </c>
      <c r="AO58" s="36">
        <v>0</v>
      </c>
      <c r="AP58" s="36">
        <v>0</v>
      </c>
      <c r="AQ58" s="36">
        <v>0</v>
      </c>
      <c r="AR58" s="36">
        <v>0</v>
      </c>
      <c r="AS58" s="36">
        <v>0</v>
      </c>
      <c r="AT58" s="36">
        <v>0</v>
      </c>
      <c r="AU58" s="36">
        <v>0</v>
      </c>
      <c r="AV58" s="36">
        <v>0</v>
      </c>
      <c r="AW58" s="36">
        <v>0</v>
      </c>
      <c r="AX58" s="36">
        <v>0.1875</v>
      </c>
      <c r="AY58" s="36">
        <v>0</v>
      </c>
      <c r="AZ58" s="36">
        <v>0</v>
      </c>
      <c r="BA58" s="36">
        <v>0</v>
      </c>
      <c r="BB58" s="36">
        <v>0</v>
      </c>
      <c r="BC58" s="36">
        <v>0</v>
      </c>
      <c r="BD58" s="36">
        <v>0</v>
      </c>
      <c r="BE58" s="36">
        <v>0</v>
      </c>
      <c r="BF58" s="36">
        <v>0</v>
      </c>
      <c r="BG58" s="36">
        <v>1.276595744680851E-2</v>
      </c>
      <c r="BH58" s="36">
        <v>0.10963963963963963</v>
      </c>
      <c r="BI58" s="36">
        <v>0</v>
      </c>
      <c r="BJ58" s="36"/>
      <c r="BK58" s="36">
        <v>0</v>
      </c>
      <c r="BL58" s="36">
        <v>0</v>
      </c>
      <c r="BM58" s="36">
        <v>0</v>
      </c>
      <c r="BN58" s="36">
        <v>0</v>
      </c>
      <c r="BO58" s="36">
        <v>0</v>
      </c>
      <c r="BP58" s="36">
        <v>0</v>
      </c>
      <c r="BQ58" s="36">
        <v>0</v>
      </c>
      <c r="BR58" s="36">
        <v>0</v>
      </c>
      <c r="BS58" s="36">
        <v>0</v>
      </c>
      <c r="BT58" s="36">
        <v>0</v>
      </c>
      <c r="BU58" s="36">
        <v>0</v>
      </c>
      <c r="BV58" s="36">
        <v>4.9180327868852458E-2</v>
      </c>
      <c r="BW58" s="36">
        <v>0</v>
      </c>
      <c r="BX58" s="36">
        <v>0</v>
      </c>
      <c r="BY58" s="36">
        <v>0</v>
      </c>
      <c r="BZ58" s="36">
        <v>0</v>
      </c>
      <c r="CA58" s="36">
        <v>0</v>
      </c>
      <c r="CB58" s="36">
        <v>0</v>
      </c>
      <c r="CC58" s="36">
        <v>0</v>
      </c>
      <c r="CD58" s="36">
        <v>0</v>
      </c>
      <c r="CE58" s="36">
        <v>0</v>
      </c>
      <c r="CF58" s="36">
        <v>0</v>
      </c>
      <c r="CG58" s="36">
        <v>0</v>
      </c>
      <c r="CH58" s="36">
        <v>0</v>
      </c>
      <c r="CI58" s="36">
        <v>0</v>
      </c>
      <c r="CJ58" s="36">
        <v>0</v>
      </c>
      <c r="CK58" s="36">
        <v>0</v>
      </c>
      <c r="CL58" s="36">
        <v>0</v>
      </c>
      <c r="CM58" s="36">
        <v>0</v>
      </c>
      <c r="CN58" s="36">
        <v>0</v>
      </c>
      <c r="CO58" s="36">
        <v>0</v>
      </c>
      <c r="CP58" s="36">
        <v>0</v>
      </c>
      <c r="CQ58" s="36">
        <v>0</v>
      </c>
      <c r="CR58" s="36">
        <v>0</v>
      </c>
      <c r="CS58" s="36">
        <v>5.3428317008014248E-3</v>
      </c>
      <c r="CT58" s="36"/>
      <c r="CU58" s="36"/>
      <c r="CV58" s="36"/>
      <c r="CW58" s="36"/>
      <c r="CX58" s="36"/>
      <c r="CY58" s="36"/>
      <c r="CZ58" s="36"/>
      <c r="DA58" s="36"/>
      <c r="DB58" s="36"/>
      <c r="DC58" s="36"/>
      <c r="DD58" s="36"/>
      <c r="DE58" s="36"/>
      <c r="DF58" s="36"/>
      <c r="DG58" s="36">
        <v>0.1031668851211365</v>
      </c>
    </row>
    <row r="59" spans="1:111" ht="10" customHeight="1">
      <c r="A59" s="140" t="s">
        <v>153</v>
      </c>
      <c r="B59" s="115" t="s">
        <v>131</v>
      </c>
      <c r="C59" s="116"/>
      <c r="D59" s="122" t="s">
        <v>132</v>
      </c>
      <c r="E59" s="122"/>
      <c r="F59" s="37" t="s">
        <v>321</v>
      </c>
      <c r="G59" s="37" t="s">
        <v>321</v>
      </c>
      <c r="H59" s="37" t="s">
        <v>519</v>
      </c>
      <c r="I59" s="37" t="s">
        <v>321</v>
      </c>
      <c r="J59" s="37" t="s">
        <v>519</v>
      </c>
      <c r="K59" s="37" t="s">
        <v>321</v>
      </c>
      <c r="L59" s="37" t="s">
        <v>321</v>
      </c>
      <c r="M59" s="37" t="s">
        <v>519</v>
      </c>
      <c r="N59" s="37" t="s">
        <v>519</v>
      </c>
      <c r="O59" s="37" t="s">
        <v>321</v>
      </c>
      <c r="P59" s="37" t="s">
        <v>321</v>
      </c>
      <c r="Q59" s="37" t="s">
        <v>321</v>
      </c>
      <c r="R59" s="37" t="s">
        <v>321</v>
      </c>
      <c r="S59" s="37" t="s">
        <v>321</v>
      </c>
      <c r="T59" s="37" t="s">
        <v>321</v>
      </c>
      <c r="U59" s="37" t="s">
        <v>321</v>
      </c>
      <c r="V59" s="37" t="s">
        <v>321</v>
      </c>
      <c r="W59" s="37" t="s">
        <v>321</v>
      </c>
      <c r="X59" s="37" t="s">
        <v>321</v>
      </c>
      <c r="Y59" s="37" t="s">
        <v>321</v>
      </c>
      <c r="Z59" s="37" t="s">
        <v>321</v>
      </c>
      <c r="AA59" s="37" t="s">
        <v>519</v>
      </c>
      <c r="AB59" s="37" t="s">
        <v>519</v>
      </c>
      <c r="AC59" s="37" t="s">
        <v>321</v>
      </c>
      <c r="AD59" s="37" t="s">
        <v>321</v>
      </c>
      <c r="AE59" s="37" t="s">
        <v>321</v>
      </c>
      <c r="AF59" s="37" t="s">
        <v>519</v>
      </c>
      <c r="AG59" s="37" t="s">
        <v>321</v>
      </c>
      <c r="AH59" s="37" t="s">
        <v>321</v>
      </c>
      <c r="AI59" s="37" t="s">
        <v>321</v>
      </c>
      <c r="AJ59" s="37" t="s">
        <v>321</v>
      </c>
      <c r="AK59" s="37" t="s">
        <v>321</v>
      </c>
      <c r="AL59" s="37" t="s">
        <v>321</v>
      </c>
      <c r="AM59" s="37" t="s">
        <v>321</v>
      </c>
      <c r="AN59" s="37" t="s">
        <v>321</v>
      </c>
      <c r="AO59" s="37" t="s">
        <v>519</v>
      </c>
      <c r="AP59" s="37" t="s">
        <v>519</v>
      </c>
      <c r="AQ59" s="37" t="s">
        <v>321</v>
      </c>
      <c r="AR59" s="37" t="s">
        <v>321</v>
      </c>
      <c r="AS59" s="37" t="s">
        <v>519</v>
      </c>
      <c r="AT59" s="37" t="s">
        <v>321</v>
      </c>
      <c r="AU59" s="37" t="s">
        <v>519</v>
      </c>
      <c r="AV59" s="37" t="s">
        <v>519</v>
      </c>
      <c r="AW59" s="37" t="s">
        <v>519</v>
      </c>
      <c r="AX59" s="37" t="s">
        <v>321</v>
      </c>
      <c r="AY59" s="37" t="s">
        <v>321</v>
      </c>
      <c r="AZ59" s="37" t="s">
        <v>519</v>
      </c>
      <c r="BA59" s="37" t="s">
        <v>321</v>
      </c>
      <c r="BB59" s="37" t="s">
        <v>519</v>
      </c>
      <c r="BC59" s="37" t="s">
        <v>321</v>
      </c>
      <c r="BD59" s="37" t="s">
        <v>321</v>
      </c>
      <c r="BE59" s="37" t="s">
        <v>321</v>
      </c>
      <c r="BF59" s="37" t="s">
        <v>321</v>
      </c>
      <c r="BG59" s="37" t="s">
        <v>321</v>
      </c>
      <c r="BH59" s="38">
        <v>15</v>
      </c>
      <c r="BI59" s="37" t="s">
        <v>519</v>
      </c>
      <c r="BJ59" s="37" t="s">
        <v>321</v>
      </c>
      <c r="BK59" s="37" t="s">
        <v>321</v>
      </c>
      <c r="BL59" s="37" t="s">
        <v>321</v>
      </c>
      <c r="BM59" s="37" t="s">
        <v>321</v>
      </c>
      <c r="BN59" s="37" t="s">
        <v>519</v>
      </c>
      <c r="BO59" s="37" t="s">
        <v>321</v>
      </c>
      <c r="BP59" s="37" t="s">
        <v>321</v>
      </c>
      <c r="BQ59" s="37" t="s">
        <v>519</v>
      </c>
      <c r="BR59" s="37" t="s">
        <v>321</v>
      </c>
      <c r="BS59" s="37" t="s">
        <v>321</v>
      </c>
      <c r="BT59" s="37" t="s">
        <v>519</v>
      </c>
      <c r="BU59" s="38">
        <v>4</v>
      </c>
      <c r="BV59" s="37" t="s">
        <v>519</v>
      </c>
      <c r="BW59" s="37" t="s">
        <v>321</v>
      </c>
      <c r="BX59" s="37" t="s">
        <v>519</v>
      </c>
      <c r="BY59" s="37" t="s">
        <v>321</v>
      </c>
      <c r="BZ59" s="37" t="s">
        <v>321</v>
      </c>
      <c r="CA59" s="37" t="s">
        <v>321</v>
      </c>
      <c r="CB59" s="37" t="s">
        <v>321</v>
      </c>
      <c r="CC59" s="37" t="s">
        <v>321</v>
      </c>
      <c r="CD59" s="37" t="s">
        <v>321</v>
      </c>
      <c r="CE59" s="37" t="s">
        <v>321</v>
      </c>
      <c r="CF59" s="37" t="s">
        <v>321</v>
      </c>
      <c r="CG59" s="37" t="s">
        <v>321</v>
      </c>
      <c r="CH59" s="37" t="s">
        <v>321</v>
      </c>
      <c r="CI59" s="37" t="s">
        <v>321</v>
      </c>
      <c r="CJ59" s="37" t="s">
        <v>321</v>
      </c>
      <c r="CK59" s="37" t="s">
        <v>519</v>
      </c>
      <c r="CL59" s="37" t="s">
        <v>321</v>
      </c>
      <c r="CM59" s="37" t="s">
        <v>321</v>
      </c>
      <c r="CN59" s="37" t="s">
        <v>321</v>
      </c>
      <c r="CO59" s="37" t="s">
        <v>321</v>
      </c>
      <c r="CP59" s="37" t="s">
        <v>519</v>
      </c>
      <c r="CQ59" s="37" t="s">
        <v>321</v>
      </c>
      <c r="CR59" s="37" t="s">
        <v>321</v>
      </c>
      <c r="CS59" s="38">
        <v>4</v>
      </c>
      <c r="CT59" s="37" t="s">
        <v>321</v>
      </c>
      <c r="CU59" s="37" t="s">
        <v>321</v>
      </c>
      <c r="CV59" s="37" t="s">
        <v>519</v>
      </c>
      <c r="CW59" s="37" t="s">
        <v>519</v>
      </c>
      <c r="CX59" s="37" t="s">
        <v>321</v>
      </c>
      <c r="CY59" s="37" t="s">
        <v>321</v>
      </c>
      <c r="CZ59" s="37" t="s">
        <v>321</v>
      </c>
      <c r="DA59" s="37" t="s">
        <v>321</v>
      </c>
      <c r="DB59" s="37" t="s">
        <v>321</v>
      </c>
      <c r="DC59" s="37" t="s">
        <v>321</v>
      </c>
      <c r="DD59" s="37" t="s">
        <v>321</v>
      </c>
      <c r="DE59" s="37" t="s">
        <v>321</v>
      </c>
      <c r="DF59" s="38">
        <v>2</v>
      </c>
      <c r="DG59" s="24">
        <v>25</v>
      </c>
    </row>
    <row r="60" spans="1:111" ht="10" customHeight="1">
      <c r="A60" s="141"/>
      <c r="B60" s="137"/>
      <c r="C60" s="138"/>
      <c r="D60" s="122" t="s">
        <v>133</v>
      </c>
      <c r="E60" s="122"/>
      <c r="F60" s="37" t="s">
        <v>519</v>
      </c>
      <c r="G60" s="37" t="s">
        <v>519</v>
      </c>
      <c r="H60" s="37" t="s">
        <v>519</v>
      </c>
      <c r="I60" s="37" t="s">
        <v>519</v>
      </c>
      <c r="J60" s="37" t="s">
        <v>519</v>
      </c>
      <c r="K60" s="37" t="s">
        <v>519</v>
      </c>
      <c r="L60" s="37" t="s">
        <v>519</v>
      </c>
      <c r="M60" s="37" t="s">
        <v>519</v>
      </c>
      <c r="N60" s="37" t="s">
        <v>519</v>
      </c>
      <c r="O60" s="37" t="s">
        <v>519</v>
      </c>
      <c r="P60" s="37" t="s">
        <v>519</v>
      </c>
      <c r="Q60" s="37" t="s">
        <v>519</v>
      </c>
      <c r="R60" s="37" t="s">
        <v>519</v>
      </c>
      <c r="S60" s="37" t="s">
        <v>519</v>
      </c>
      <c r="T60" s="37" t="s">
        <v>519</v>
      </c>
      <c r="U60" s="37" t="s">
        <v>519</v>
      </c>
      <c r="V60" s="37" t="s">
        <v>519</v>
      </c>
      <c r="W60" s="37" t="s">
        <v>519</v>
      </c>
      <c r="X60" s="37" t="s">
        <v>519</v>
      </c>
      <c r="Y60" s="37" t="s">
        <v>519</v>
      </c>
      <c r="Z60" s="37" t="s">
        <v>519</v>
      </c>
      <c r="AA60" s="37" t="s">
        <v>519</v>
      </c>
      <c r="AB60" s="37" t="s">
        <v>519</v>
      </c>
      <c r="AC60" s="37" t="s">
        <v>519</v>
      </c>
      <c r="AD60" s="37" t="s">
        <v>519</v>
      </c>
      <c r="AE60" s="37" t="s">
        <v>519</v>
      </c>
      <c r="AF60" s="37" t="s">
        <v>519</v>
      </c>
      <c r="AG60" s="37" t="s">
        <v>519</v>
      </c>
      <c r="AH60" s="37" t="s">
        <v>519</v>
      </c>
      <c r="AI60" s="37" t="s">
        <v>519</v>
      </c>
      <c r="AJ60" s="37" t="s">
        <v>519</v>
      </c>
      <c r="AK60" s="37" t="s">
        <v>519</v>
      </c>
      <c r="AL60" s="37" t="s">
        <v>519</v>
      </c>
      <c r="AM60" s="37" t="s">
        <v>519</v>
      </c>
      <c r="AN60" s="37" t="s">
        <v>519</v>
      </c>
      <c r="AO60" s="37" t="s">
        <v>519</v>
      </c>
      <c r="AP60" s="37" t="s">
        <v>519</v>
      </c>
      <c r="AQ60" s="37" t="s">
        <v>519</v>
      </c>
      <c r="AR60" s="37" t="s">
        <v>519</v>
      </c>
      <c r="AS60" s="37" t="s">
        <v>519</v>
      </c>
      <c r="AT60" s="37" t="s">
        <v>519</v>
      </c>
      <c r="AU60" s="37" t="s">
        <v>519</v>
      </c>
      <c r="AV60" s="37" t="s">
        <v>519</v>
      </c>
      <c r="AW60" s="37" t="s">
        <v>519</v>
      </c>
      <c r="AX60" s="37" t="s">
        <v>519</v>
      </c>
      <c r="AY60" s="37" t="s">
        <v>519</v>
      </c>
      <c r="AZ60" s="37" t="s">
        <v>519</v>
      </c>
      <c r="BA60" s="37" t="s">
        <v>519</v>
      </c>
      <c r="BB60" s="37" t="s">
        <v>519</v>
      </c>
      <c r="BC60" s="37" t="s">
        <v>519</v>
      </c>
      <c r="BD60" s="37" t="s">
        <v>519</v>
      </c>
      <c r="BE60" s="37" t="s">
        <v>519</v>
      </c>
      <c r="BF60" s="37" t="s">
        <v>519</v>
      </c>
      <c r="BG60" s="37" t="s">
        <v>519</v>
      </c>
      <c r="BH60" s="38">
        <v>54</v>
      </c>
      <c r="BI60" s="37" t="s">
        <v>519</v>
      </c>
      <c r="BJ60" s="37" t="s">
        <v>321</v>
      </c>
      <c r="BK60" s="37" t="s">
        <v>519</v>
      </c>
      <c r="BL60" s="37" t="s">
        <v>519</v>
      </c>
      <c r="BM60" s="37" t="s">
        <v>519</v>
      </c>
      <c r="BN60" s="37" t="s">
        <v>519</v>
      </c>
      <c r="BO60" s="37" t="s">
        <v>519</v>
      </c>
      <c r="BP60" s="37" t="s">
        <v>519</v>
      </c>
      <c r="BQ60" s="37" t="s">
        <v>519</v>
      </c>
      <c r="BR60" s="37" t="s">
        <v>519</v>
      </c>
      <c r="BS60" s="37" t="s">
        <v>519</v>
      </c>
      <c r="BT60" s="37" t="s">
        <v>519</v>
      </c>
      <c r="BU60" s="38">
        <v>11</v>
      </c>
      <c r="BV60" s="37" t="s">
        <v>519</v>
      </c>
      <c r="BW60" s="37" t="s">
        <v>519</v>
      </c>
      <c r="BX60" s="37" t="s">
        <v>519</v>
      </c>
      <c r="BY60" s="37" t="s">
        <v>519</v>
      </c>
      <c r="BZ60" s="37" t="s">
        <v>519</v>
      </c>
      <c r="CA60" s="37" t="s">
        <v>519</v>
      </c>
      <c r="CB60" s="37" t="s">
        <v>519</v>
      </c>
      <c r="CC60" s="37" t="s">
        <v>519</v>
      </c>
      <c r="CD60" s="37" t="s">
        <v>519</v>
      </c>
      <c r="CE60" s="37" t="s">
        <v>519</v>
      </c>
      <c r="CF60" s="37" t="s">
        <v>519</v>
      </c>
      <c r="CG60" s="37" t="s">
        <v>519</v>
      </c>
      <c r="CH60" s="37" t="s">
        <v>519</v>
      </c>
      <c r="CI60" s="37" t="s">
        <v>519</v>
      </c>
      <c r="CJ60" s="37" t="s">
        <v>519</v>
      </c>
      <c r="CK60" s="37" t="s">
        <v>519</v>
      </c>
      <c r="CL60" s="37" t="s">
        <v>519</v>
      </c>
      <c r="CM60" s="37" t="s">
        <v>519</v>
      </c>
      <c r="CN60" s="37" t="s">
        <v>519</v>
      </c>
      <c r="CO60" s="37" t="s">
        <v>519</v>
      </c>
      <c r="CP60" s="37" t="s">
        <v>519</v>
      </c>
      <c r="CQ60" s="37" t="s">
        <v>519</v>
      </c>
      <c r="CR60" s="37" t="s">
        <v>519</v>
      </c>
      <c r="CS60" s="38">
        <v>23</v>
      </c>
      <c r="CT60" s="37" t="s">
        <v>519</v>
      </c>
      <c r="CU60" s="37" t="s">
        <v>321</v>
      </c>
      <c r="CV60" s="37" t="s">
        <v>519</v>
      </c>
      <c r="CW60" s="37" t="s">
        <v>519</v>
      </c>
      <c r="CX60" s="37" t="s">
        <v>519</v>
      </c>
      <c r="CY60" s="37" t="s">
        <v>519</v>
      </c>
      <c r="CZ60" s="37" t="s">
        <v>519</v>
      </c>
      <c r="DA60" s="37" t="s">
        <v>519</v>
      </c>
      <c r="DB60" s="37" t="s">
        <v>519</v>
      </c>
      <c r="DC60" s="37" t="s">
        <v>321</v>
      </c>
      <c r="DD60" s="37" t="s">
        <v>519</v>
      </c>
      <c r="DE60" s="37" t="s">
        <v>519</v>
      </c>
      <c r="DF60" s="38">
        <v>10</v>
      </c>
      <c r="DG60" s="24">
        <v>98</v>
      </c>
    </row>
    <row r="61" spans="1:111" ht="10" customHeight="1">
      <c r="A61" s="141"/>
      <c r="B61" s="137"/>
      <c r="C61" s="138"/>
      <c r="D61" s="122" t="s">
        <v>134</v>
      </c>
      <c r="E61" s="122"/>
      <c r="F61" s="37" t="s">
        <v>519</v>
      </c>
      <c r="G61" s="37" t="s">
        <v>519</v>
      </c>
      <c r="H61" s="37" t="s">
        <v>519</v>
      </c>
      <c r="I61" s="37" t="s">
        <v>519</v>
      </c>
      <c r="J61" s="37" t="s">
        <v>519</v>
      </c>
      <c r="K61" s="37" t="s">
        <v>519</v>
      </c>
      <c r="L61" s="37" t="s">
        <v>519</v>
      </c>
      <c r="M61" s="37" t="s">
        <v>519</v>
      </c>
      <c r="N61" s="37" t="s">
        <v>519</v>
      </c>
      <c r="O61" s="37" t="s">
        <v>519</v>
      </c>
      <c r="P61" s="37" t="s">
        <v>519</v>
      </c>
      <c r="Q61" s="37" t="s">
        <v>519</v>
      </c>
      <c r="R61" s="37" t="s">
        <v>519</v>
      </c>
      <c r="S61" s="37" t="s">
        <v>519</v>
      </c>
      <c r="T61" s="37" t="s">
        <v>519</v>
      </c>
      <c r="U61" s="37" t="s">
        <v>519</v>
      </c>
      <c r="V61" s="37" t="s">
        <v>519</v>
      </c>
      <c r="W61" s="37" t="s">
        <v>519</v>
      </c>
      <c r="X61" s="37" t="s">
        <v>519</v>
      </c>
      <c r="Y61" s="37" t="s">
        <v>519</v>
      </c>
      <c r="Z61" s="37" t="s">
        <v>519</v>
      </c>
      <c r="AA61" s="37" t="s">
        <v>519</v>
      </c>
      <c r="AB61" s="37" t="s">
        <v>519</v>
      </c>
      <c r="AC61" s="37" t="s">
        <v>519</v>
      </c>
      <c r="AD61" s="37" t="s">
        <v>519</v>
      </c>
      <c r="AE61" s="37" t="s">
        <v>519</v>
      </c>
      <c r="AF61" s="37" t="s">
        <v>519</v>
      </c>
      <c r="AG61" s="37" t="s">
        <v>519</v>
      </c>
      <c r="AH61" s="37" t="s">
        <v>519</v>
      </c>
      <c r="AI61" s="37" t="s">
        <v>519</v>
      </c>
      <c r="AJ61" s="37" t="s">
        <v>519</v>
      </c>
      <c r="AK61" s="37" t="s">
        <v>519</v>
      </c>
      <c r="AL61" s="37" t="s">
        <v>519</v>
      </c>
      <c r="AM61" s="37" t="s">
        <v>519</v>
      </c>
      <c r="AN61" s="37" t="s">
        <v>519</v>
      </c>
      <c r="AO61" s="37" t="s">
        <v>519</v>
      </c>
      <c r="AP61" s="37" t="s">
        <v>519</v>
      </c>
      <c r="AQ61" s="37" t="s">
        <v>519</v>
      </c>
      <c r="AR61" s="37" t="s">
        <v>519</v>
      </c>
      <c r="AS61" s="37" t="s">
        <v>519</v>
      </c>
      <c r="AT61" s="37" t="s">
        <v>519</v>
      </c>
      <c r="AU61" s="37" t="s">
        <v>519</v>
      </c>
      <c r="AV61" s="37" t="s">
        <v>519</v>
      </c>
      <c r="AW61" s="37" t="s">
        <v>519</v>
      </c>
      <c r="AX61" s="37" t="s">
        <v>519</v>
      </c>
      <c r="AY61" s="37" t="s">
        <v>519</v>
      </c>
      <c r="AZ61" s="37" t="s">
        <v>519</v>
      </c>
      <c r="BA61" s="37" t="s">
        <v>519</v>
      </c>
      <c r="BB61" s="37" t="s">
        <v>519</v>
      </c>
      <c r="BC61" s="37" t="s">
        <v>519</v>
      </c>
      <c r="BD61" s="37" t="s">
        <v>519</v>
      </c>
      <c r="BE61" s="37" t="s">
        <v>519</v>
      </c>
      <c r="BF61" s="37" t="s">
        <v>519</v>
      </c>
      <c r="BG61" s="37" t="s">
        <v>519</v>
      </c>
      <c r="BH61" s="38">
        <v>54</v>
      </c>
      <c r="BI61" s="37" t="s">
        <v>519</v>
      </c>
      <c r="BJ61" s="37" t="s">
        <v>321</v>
      </c>
      <c r="BK61" s="37" t="s">
        <v>519</v>
      </c>
      <c r="BL61" s="37" t="s">
        <v>519</v>
      </c>
      <c r="BM61" s="37" t="s">
        <v>519</v>
      </c>
      <c r="BN61" s="37" t="s">
        <v>519</v>
      </c>
      <c r="BO61" s="37" t="s">
        <v>519</v>
      </c>
      <c r="BP61" s="37" t="s">
        <v>519</v>
      </c>
      <c r="BQ61" s="37" t="s">
        <v>519</v>
      </c>
      <c r="BR61" s="37" t="s">
        <v>519</v>
      </c>
      <c r="BS61" s="37" t="s">
        <v>519</v>
      </c>
      <c r="BT61" s="37" t="s">
        <v>519</v>
      </c>
      <c r="BU61" s="38">
        <v>11</v>
      </c>
      <c r="BV61" s="37" t="s">
        <v>519</v>
      </c>
      <c r="BW61" s="37" t="s">
        <v>519</v>
      </c>
      <c r="BX61" s="37" t="s">
        <v>519</v>
      </c>
      <c r="BY61" s="37" t="s">
        <v>519</v>
      </c>
      <c r="BZ61" s="37" t="s">
        <v>519</v>
      </c>
      <c r="CA61" s="37" t="s">
        <v>519</v>
      </c>
      <c r="CB61" s="37" t="s">
        <v>519</v>
      </c>
      <c r="CC61" s="37" t="s">
        <v>519</v>
      </c>
      <c r="CD61" s="37" t="s">
        <v>519</v>
      </c>
      <c r="CE61" s="37" t="s">
        <v>519</v>
      </c>
      <c r="CF61" s="37" t="s">
        <v>519</v>
      </c>
      <c r="CG61" s="37" t="s">
        <v>519</v>
      </c>
      <c r="CH61" s="37" t="s">
        <v>519</v>
      </c>
      <c r="CI61" s="37" t="s">
        <v>519</v>
      </c>
      <c r="CJ61" s="37" t="s">
        <v>519</v>
      </c>
      <c r="CK61" s="37" t="s">
        <v>519</v>
      </c>
      <c r="CL61" s="37" t="s">
        <v>519</v>
      </c>
      <c r="CM61" s="37" t="s">
        <v>519</v>
      </c>
      <c r="CN61" s="37" t="s">
        <v>519</v>
      </c>
      <c r="CO61" s="37" t="s">
        <v>519</v>
      </c>
      <c r="CP61" s="37" t="s">
        <v>519</v>
      </c>
      <c r="CQ61" s="37" t="s">
        <v>519</v>
      </c>
      <c r="CR61" s="37" t="s">
        <v>519</v>
      </c>
      <c r="CS61" s="38">
        <v>23</v>
      </c>
      <c r="CT61" s="37" t="s">
        <v>519</v>
      </c>
      <c r="CU61" s="37" t="s">
        <v>519</v>
      </c>
      <c r="CV61" s="37" t="s">
        <v>519</v>
      </c>
      <c r="CW61" s="37" t="s">
        <v>519</v>
      </c>
      <c r="CX61" s="37" t="s">
        <v>519</v>
      </c>
      <c r="CY61" s="37" t="s">
        <v>519</v>
      </c>
      <c r="CZ61" s="37" t="s">
        <v>519</v>
      </c>
      <c r="DA61" s="37" t="s">
        <v>519</v>
      </c>
      <c r="DB61" s="37" t="s">
        <v>519</v>
      </c>
      <c r="DC61" s="37" t="s">
        <v>519</v>
      </c>
      <c r="DD61" s="37" t="s">
        <v>519</v>
      </c>
      <c r="DE61" s="37" t="s">
        <v>519</v>
      </c>
      <c r="DF61" s="38">
        <v>12</v>
      </c>
      <c r="DG61" s="24">
        <v>100</v>
      </c>
    </row>
    <row r="62" spans="1:111" ht="10" customHeight="1">
      <c r="A62" s="141"/>
      <c r="B62" s="137"/>
      <c r="C62" s="138"/>
      <c r="D62" s="139" t="s">
        <v>145</v>
      </c>
      <c r="E62" s="139"/>
      <c r="F62" s="37" t="s">
        <v>519</v>
      </c>
      <c r="G62" s="37" t="s">
        <v>519</v>
      </c>
      <c r="H62" s="37" t="s">
        <v>519</v>
      </c>
      <c r="I62" s="37" t="s">
        <v>519</v>
      </c>
      <c r="J62" s="37" t="s">
        <v>519</v>
      </c>
      <c r="K62" s="37" t="s">
        <v>519</v>
      </c>
      <c r="L62" s="37" t="s">
        <v>519</v>
      </c>
      <c r="M62" s="37" t="s">
        <v>519</v>
      </c>
      <c r="N62" s="37" t="s">
        <v>519</v>
      </c>
      <c r="O62" s="37" t="s">
        <v>519</v>
      </c>
      <c r="P62" s="37" t="s">
        <v>519</v>
      </c>
      <c r="Q62" s="37" t="s">
        <v>519</v>
      </c>
      <c r="R62" s="37" t="s">
        <v>519</v>
      </c>
      <c r="S62" s="37" t="s">
        <v>519</v>
      </c>
      <c r="T62" s="37" t="s">
        <v>519</v>
      </c>
      <c r="U62" s="37" t="s">
        <v>519</v>
      </c>
      <c r="V62" s="37" t="s">
        <v>519</v>
      </c>
      <c r="W62" s="37" t="s">
        <v>519</v>
      </c>
      <c r="X62" s="37" t="s">
        <v>519</v>
      </c>
      <c r="Y62" s="37" t="s">
        <v>519</v>
      </c>
      <c r="Z62" s="37" t="s">
        <v>519</v>
      </c>
      <c r="AA62" s="37" t="s">
        <v>519</v>
      </c>
      <c r="AB62" s="37" t="s">
        <v>519</v>
      </c>
      <c r="AC62" s="37" t="s">
        <v>519</v>
      </c>
      <c r="AD62" s="37" t="s">
        <v>519</v>
      </c>
      <c r="AE62" s="37" t="s">
        <v>519</v>
      </c>
      <c r="AF62" s="37" t="s">
        <v>321</v>
      </c>
      <c r="AG62" s="37" t="s">
        <v>519</v>
      </c>
      <c r="AH62" s="37" t="s">
        <v>519</v>
      </c>
      <c r="AI62" s="37" t="s">
        <v>519</v>
      </c>
      <c r="AJ62" s="37" t="s">
        <v>519</v>
      </c>
      <c r="AK62" s="37" t="s">
        <v>519</v>
      </c>
      <c r="AL62" s="37" t="s">
        <v>519</v>
      </c>
      <c r="AM62" s="37" t="s">
        <v>519</v>
      </c>
      <c r="AN62" s="37" t="s">
        <v>519</v>
      </c>
      <c r="AO62" s="37" t="s">
        <v>519</v>
      </c>
      <c r="AP62" s="37" t="s">
        <v>519</v>
      </c>
      <c r="AQ62" s="37" t="s">
        <v>519</v>
      </c>
      <c r="AR62" s="37" t="s">
        <v>519</v>
      </c>
      <c r="AS62" s="37" t="s">
        <v>519</v>
      </c>
      <c r="AT62" s="37" t="s">
        <v>519</v>
      </c>
      <c r="AU62" s="37" t="s">
        <v>519</v>
      </c>
      <c r="AV62" s="37" t="s">
        <v>519</v>
      </c>
      <c r="AW62" s="37" t="s">
        <v>519</v>
      </c>
      <c r="AX62" s="37" t="s">
        <v>519</v>
      </c>
      <c r="AY62" s="37" t="s">
        <v>519</v>
      </c>
      <c r="AZ62" s="37" t="s">
        <v>519</v>
      </c>
      <c r="BA62" s="37" t="s">
        <v>519</v>
      </c>
      <c r="BB62" s="37" t="s">
        <v>519</v>
      </c>
      <c r="BC62" s="37" t="s">
        <v>519</v>
      </c>
      <c r="BD62" s="37" t="s">
        <v>519</v>
      </c>
      <c r="BE62" s="37" t="s">
        <v>519</v>
      </c>
      <c r="BF62" s="37" t="s">
        <v>519</v>
      </c>
      <c r="BG62" s="37" t="s">
        <v>519</v>
      </c>
      <c r="BH62" s="38">
        <v>53</v>
      </c>
      <c r="BI62" s="37" t="s">
        <v>519</v>
      </c>
      <c r="BJ62" s="37" t="s">
        <v>321</v>
      </c>
      <c r="BK62" s="37" t="s">
        <v>519</v>
      </c>
      <c r="BL62" s="37" t="s">
        <v>519</v>
      </c>
      <c r="BM62" s="37" t="s">
        <v>519</v>
      </c>
      <c r="BN62" s="37" t="s">
        <v>519</v>
      </c>
      <c r="BO62" s="37" t="s">
        <v>519</v>
      </c>
      <c r="BP62" s="37" t="s">
        <v>519</v>
      </c>
      <c r="BQ62" s="37" t="s">
        <v>519</v>
      </c>
      <c r="BR62" s="37" t="s">
        <v>519</v>
      </c>
      <c r="BS62" s="37" t="s">
        <v>519</v>
      </c>
      <c r="BT62" s="37" t="s">
        <v>519</v>
      </c>
      <c r="BU62" s="38">
        <v>11</v>
      </c>
      <c r="BV62" s="37" t="s">
        <v>519</v>
      </c>
      <c r="BW62" s="37" t="s">
        <v>321</v>
      </c>
      <c r="BX62" s="37" t="s">
        <v>519</v>
      </c>
      <c r="BY62" s="37" t="s">
        <v>519</v>
      </c>
      <c r="BZ62" s="37" t="s">
        <v>519</v>
      </c>
      <c r="CA62" s="37" t="s">
        <v>519</v>
      </c>
      <c r="CB62" s="37" t="s">
        <v>519</v>
      </c>
      <c r="CC62" s="37" t="s">
        <v>519</v>
      </c>
      <c r="CD62" s="37" t="s">
        <v>321</v>
      </c>
      <c r="CE62" s="37" t="s">
        <v>519</v>
      </c>
      <c r="CF62" s="37" t="s">
        <v>321</v>
      </c>
      <c r="CG62" s="37" t="s">
        <v>321</v>
      </c>
      <c r="CH62" s="37" t="s">
        <v>519</v>
      </c>
      <c r="CI62" s="37" t="s">
        <v>321</v>
      </c>
      <c r="CJ62" s="37" t="s">
        <v>519</v>
      </c>
      <c r="CK62" s="37" t="s">
        <v>321</v>
      </c>
      <c r="CL62" s="37" t="s">
        <v>519</v>
      </c>
      <c r="CM62" s="37" t="s">
        <v>519</v>
      </c>
      <c r="CN62" s="37" t="s">
        <v>519</v>
      </c>
      <c r="CO62" s="37" t="s">
        <v>519</v>
      </c>
      <c r="CP62" s="37" t="s">
        <v>519</v>
      </c>
      <c r="CQ62" s="37" t="s">
        <v>519</v>
      </c>
      <c r="CR62" s="37" t="s">
        <v>321</v>
      </c>
      <c r="CS62" s="38">
        <v>16</v>
      </c>
      <c r="CT62" s="37" t="s">
        <v>321</v>
      </c>
      <c r="CU62" s="37" t="s">
        <v>519</v>
      </c>
      <c r="CV62" s="37" t="s">
        <v>519</v>
      </c>
      <c r="CW62" s="37" t="s">
        <v>519</v>
      </c>
      <c r="CX62" s="37" t="s">
        <v>519</v>
      </c>
      <c r="CY62" s="37" t="s">
        <v>321</v>
      </c>
      <c r="CZ62" s="37" t="s">
        <v>519</v>
      </c>
      <c r="DA62" s="37" t="s">
        <v>321</v>
      </c>
      <c r="DB62" s="37" t="s">
        <v>519</v>
      </c>
      <c r="DC62" s="37" t="s">
        <v>321</v>
      </c>
      <c r="DD62" s="37" t="s">
        <v>519</v>
      </c>
      <c r="DE62" s="37" t="s">
        <v>321</v>
      </c>
      <c r="DF62" s="38">
        <v>7</v>
      </c>
      <c r="DG62" s="24">
        <v>87</v>
      </c>
    </row>
    <row r="63" spans="1:111" ht="10" customHeight="1">
      <c r="A63" s="141"/>
      <c r="B63" s="117"/>
      <c r="C63" s="118"/>
      <c r="D63" s="139" t="s">
        <v>146</v>
      </c>
      <c r="E63" s="139"/>
      <c r="F63" s="37" t="s">
        <v>519</v>
      </c>
      <c r="G63" s="37" t="s">
        <v>321</v>
      </c>
      <c r="H63" s="37" t="s">
        <v>321</v>
      </c>
      <c r="I63" s="37" t="s">
        <v>519</v>
      </c>
      <c r="J63" s="37" t="s">
        <v>321</v>
      </c>
      <c r="K63" s="37" t="s">
        <v>519</v>
      </c>
      <c r="L63" s="37" t="s">
        <v>519</v>
      </c>
      <c r="M63" s="37" t="s">
        <v>519</v>
      </c>
      <c r="N63" s="37" t="s">
        <v>321</v>
      </c>
      <c r="O63" s="37" t="s">
        <v>321</v>
      </c>
      <c r="P63" s="37" t="s">
        <v>321</v>
      </c>
      <c r="Q63" s="37" t="s">
        <v>321</v>
      </c>
      <c r="R63" s="37" t="s">
        <v>321</v>
      </c>
      <c r="S63" s="37" t="s">
        <v>321</v>
      </c>
      <c r="T63" s="37" t="s">
        <v>321</v>
      </c>
      <c r="U63" s="37" t="s">
        <v>321</v>
      </c>
      <c r="V63" s="37" t="s">
        <v>321</v>
      </c>
      <c r="W63" s="37" t="s">
        <v>321</v>
      </c>
      <c r="X63" s="37" t="s">
        <v>519</v>
      </c>
      <c r="Y63" s="37" t="s">
        <v>321</v>
      </c>
      <c r="Z63" s="37" t="s">
        <v>519</v>
      </c>
      <c r="AA63" s="37" t="s">
        <v>519</v>
      </c>
      <c r="AB63" s="37" t="s">
        <v>519</v>
      </c>
      <c r="AC63" s="37" t="s">
        <v>519</v>
      </c>
      <c r="AD63" s="37" t="s">
        <v>321</v>
      </c>
      <c r="AE63" s="37" t="s">
        <v>519</v>
      </c>
      <c r="AF63" s="37" t="s">
        <v>321</v>
      </c>
      <c r="AG63" s="37" t="s">
        <v>321</v>
      </c>
      <c r="AH63" s="37" t="s">
        <v>321</v>
      </c>
      <c r="AI63" s="37" t="s">
        <v>321</v>
      </c>
      <c r="AJ63" s="37" t="s">
        <v>321</v>
      </c>
      <c r="AK63" s="37" t="s">
        <v>519</v>
      </c>
      <c r="AL63" s="37" t="s">
        <v>321</v>
      </c>
      <c r="AM63" s="37" t="s">
        <v>321</v>
      </c>
      <c r="AN63" s="37" t="s">
        <v>321</v>
      </c>
      <c r="AO63" s="37" t="s">
        <v>321</v>
      </c>
      <c r="AP63" s="37" t="s">
        <v>321</v>
      </c>
      <c r="AQ63" s="37" t="s">
        <v>321</v>
      </c>
      <c r="AR63" s="37" t="s">
        <v>321</v>
      </c>
      <c r="AS63" s="37" t="s">
        <v>321</v>
      </c>
      <c r="AT63" s="37" t="s">
        <v>321</v>
      </c>
      <c r="AU63" s="37" t="s">
        <v>321</v>
      </c>
      <c r="AV63" s="37" t="s">
        <v>321</v>
      </c>
      <c r="AW63" s="37" t="s">
        <v>321</v>
      </c>
      <c r="AX63" s="37" t="s">
        <v>321</v>
      </c>
      <c r="AY63" s="37" t="s">
        <v>321</v>
      </c>
      <c r="AZ63" s="37" t="s">
        <v>321</v>
      </c>
      <c r="BA63" s="37" t="s">
        <v>321</v>
      </c>
      <c r="BB63" s="37" t="s">
        <v>321</v>
      </c>
      <c r="BC63" s="37" t="s">
        <v>321</v>
      </c>
      <c r="BD63" s="37" t="s">
        <v>321</v>
      </c>
      <c r="BE63" s="37" t="s">
        <v>519</v>
      </c>
      <c r="BF63" s="37" t="s">
        <v>321</v>
      </c>
      <c r="BG63" s="37" t="s">
        <v>321</v>
      </c>
      <c r="BH63" s="38">
        <v>13</v>
      </c>
      <c r="BI63" s="37" t="s">
        <v>519</v>
      </c>
      <c r="BJ63" s="37" t="s">
        <v>321</v>
      </c>
      <c r="BK63" s="37" t="s">
        <v>519</v>
      </c>
      <c r="BL63" s="37" t="s">
        <v>321</v>
      </c>
      <c r="BM63" s="37" t="s">
        <v>321</v>
      </c>
      <c r="BN63" s="37" t="s">
        <v>321</v>
      </c>
      <c r="BO63" s="37" t="s">
        <v>321</v>
      </c>
      <c r="BP63" s="37" t="s">
        <v>519</v>
      </c>
      <c r="BQ63" s="37" t="s">
        <v>321</v>
      </c>
      <c r="BR63" s="37" t="s">
        <v>321</v>
      </c>
      <c r="BS63" s="37" t="s">
        <v>321</v>
      </c>
      <c r="BT63" s="37" t="s">
        <v>519</v>
      </c>
      <c r="BU63" s="38">
        <v>4</v>
      </c>
      <c r="BV63" s="37" t="s">
        <v>321</v>
      </c>
      <c r="BW63" s="37" t="s">
        <v>321</v>
      </c>
      <c r="BX63" s="37" t="s">
        <v>321</v>
      </c>
      <c r="BY63" s="37" t="s">
        <v>321</v>
      </c>
      <c r="BZ63" s="37" t="s">
        <v>321</v>
      </c>
      <c r="CA63" s="37" t="s">
        <v>321</v>
      </c>
      <c r="CB63" s="37" t="s">
        <v>321</v>
      </c>
      <c r="CC63" s="37" t="s">
        <v>321</v>
      </c>
      <c r="CD63" s="37" t="s">
        <v>321</v>
      </c>
      <c r="CE63" s="37" t="s">
        <v>321</v>
      </c>
      <c r="CF63" s="37" t="s">
        <v>321</v>
      </c>
      <c r="CG63" s="37" t="s">
        <v>321</v>
      </c>
      <c r="CH63" s="37" t="s">
        <v>321</v>
      </c>
      <c r="CI63" s="37" t="s">
        <v>321</v>
      </c>
      <c r="CJ63" s="37" t="s">
        <v>321</v>
      </c>
      <c r="CK63" s="37" t="s">
        <v>321</v>
      </c>
      <c r="CL63" s="37" t="s">
        <v>321</v>
      </c>
      <c r="CM63" s="37" t="s">
        <v>321</v>
      </c>
      <c r="CN63" s="37" t="s">
        <v>321</v>
      </c>
      <c r="CO63" s="37" t="s">
        <v>321</v>
      </c>
      <c r="CP63" s="37" t="s">
        <v>321</v>
      </c>
      <c r="CQ63" s="37" t="s">
        <v>321</v>
      </c>
      <c r="CR63" s="37" t="s">
        <v>321</v>
      </c>
      <c r="CS63" s="38">
        <v>0</v>
      </c>
      <c r="CT63" s="37" t="s">
        <v>321</v>
      </c>
      <c r="CU63" s="37" t="s">
        <v>321</v>
      </c>
      <c r="CV63" s="37" t="s">
        <v>321</v>
      </c>
      <c r="CW63" s="37" t="s">
        <v>321</v>
      </c>
      <c r="CX63" s="37" t="s">
        <v>321</v>
      </c>
      <c r="CY63" s="37" t="s">
        <v>321</v>
      </c>
      <c r="CZ63" s="37" t="s">
        <v>321</v>
      </c>
      <c r="DA63" s="37" t="s">
        <v>321</v>
      </c>
      <c r="DB63" s="37" t="s">
        <v>321</v>
      </c>
      <c r="DC63" s="37" t="s">
        <v>321</v>
      </c>
      <c r="DD63" s="37" t="s">
        <v>321</v>
      </c>
      <c r="DE63" s="37" t="s">
        <v>321</v>
      </c>
      <c r="DF63" s="38">
        <v>0</v>
      </c>
      <c r="DG63" s="24">
        <v>17</v>
      </c>
    </row>
    <row r="64" spans="1:111" ht="10" customHeight="1">
      <c r="A64" s="141"/>
      <c r="B64" s="122" t="s">
        <v>135</v>
      </c>
      <c r="C64" s="122"/>
      <c r="D64" s="122"/>
      <c r="E64" s="122"/>
      <c r="F64" s="39" t="s">
        <v>520</v>
      </c>
      <c r="G64" s="39" t="s">
        <v>521</v>
      </c>
      <c r="H64" s="39" t="s">
        <v>511</v>
      </c>
      <c r="I64" s="39" t="s">
        <v>522</v>
      </c>
      <c r="J64" s="39" t="s">
        <v>523</v>
      </c>
      <c r="K64" s="39" t="s">
        <v>524</v>
      </c>
      <c r="L64" s="39" t="s">
        <v>525</v>
      </c>
      <c r="M64" s="39" t="s">
        <v>429</v>
      </c>
      <c r="N64" s="39" t="s">
        <v>526</v>
      </c>
      <c r="O64" s="39" t="s">
        <v>527</v>
      </c>
      <c r="P64" s="39" t="s">
        <v>528</v>
      </c>
      <c r="Q64" s="39" t="s">
        <v>529</v>
      </c>
      <c r="R64" s="39" t="s">
        <v>502</v>
      </c>
      <c r="S64" s="39" t="s">
        <v>530</v>
      </c>
      <c r="T64" s="39" t="s">
        <v>531</v>
      </c>
      <c r="U64" s="39" t="s">
        <v>532</v>
      </c>
      <c r="V64" s="39" t="s">
        <v>429</v>
      </c>
      <c r="W64" s="39" t="s">
        <v>509</v>
      </c>
      <c r="X64" s="39" t="s">
        <v>533</v>
      </c>
      <c r="Y64" s="39" t="s">
        <v>480</v>
      </c>
      <c r="Z64" s="39" t="s">
        <v>509</v>
      </c>
      <c r="AA64" s="39" t="s">
        <v>534</v>
      </c>
      <c r="AB64" s="39" t="s">
        <v>535</v>
      </c>
      <c r="AC64" s="39" t="s">
        <v>536</v>
      </c>
      <c r="AD64" s="39" t="s">
        <v>505</v>
      </c>
      <c r="AE64" s="39" t="s">
        <v>459</v>
      </c>
      <c r="AF64" s="39" t="s">
        <v>512</v>
      </c>
      <c r="AG64" s="39" t="s">
        <v>433</v>
      </c>
      <c r="AH64" s="39" t="s">
        <v>537</v>
      </c>
      <c r="AI64" s="39" t="s">
        <v>538</v>
      </c>
      <c r="AJ64" s="39" t="s">
        <v>539</v>
      </c>
      <c r="AK64" s="39" t="s">
        <v>506</v>
      </c>
      <c r="AL64" s="39" t="s">
        <v>540</v>
      </c>
      <c r="AM64" s="39" t="s">
        <v>451</v>
      </c>
      <c r="AN64" s="39" t="s">
        <v>541</v>
      </c>
      <c r="AO64" s="39" t="s">
        <v>394</v>
      </c>
      <c r="AP64" s="39" t="s">
        <v>542</v>
      </c>
      <c r="AQ64" s="39" t="s">
        <v>537</v>
      </c>
      <c r="AR64" s="39" t="s">
        <v>525</v>
      </c>
      <c r="AS64" s="39" t="s">
        <v>540</v>
      </c>
      <c r="AT64" s="39" t="s">
        <v>455</v>
      </c>
      <c r="AU64" s="39" t="s">
        <v>455</v>
      </c>
      <c r="AV64" s="39" t="s">
        <v>458</v>
      </c>
      <c r="AW64" s="39" t="s">
        <v>393</v>
      </c>
      <c r="AX64" s="39" t="s">
        <v>379</v>
      </c>
      <c r="AY64" s="39" t="s">
        <v>512</v>
      </c>
      <c r="AZ64" s="39" t="s">
        <v>459</v>
      </c>
      <c r="BA64" s="39" t="s">
        <v>543</v>
      </c>
      <c r="BB64" s="39" t="s">
        <v>417</v>
      </c>
      <c r="BC64" s="39" t="s">
        <v>427</v>
      </c>
      <c r="BD64" s="39" t="s">
        <v>544</v>
      </c>
      <c r="BE64" s="39" t="s">
        <v>545</v>
      </c>
      <c r="BF64" s="39" t="s">
        <v>546</v>
      </c>
      <c r="BG64" s="39" t="s">
        <v>393</v>
      </c>
      <c r="BH64" s="39"/>
      <c r="BI64" s="39" t="s">
        <v>429</v>
      </c>
      <c r="BJ64" s="39" t="e">
        <v>#N/A</v>
      </c>
      <c r="BK64" s="39" t="s">
        <v>459</v>
      </c>
      <c r="BL64" s="39" t="s">
        <v>539</v>
      </c>
      <c r="BM64" s="39" t="s">
        <v>540</v>
      </c>
      <c r="BN64" s="39" t="s">
        <v>540</v>
      </c>
      <c r="BO64" s="39" t="s">
        <v>379</v>
      </c>
      <c r="BP64" s="39" t="s">
        <v>547</v>
      </c>
      <c r="BQ64" s="39" t="s">
        <v>548</v>
      </c>
      <c r="BR64" s="39" t="s">
        <v>543</v>
      </c>
      <c r="BS64" s="39" t="s">
        <v>544</v>
      </c>
      <c r="BT64" s="39" t="s">
        <v>470</v>
      </c>
      <c r="BU64" s="39"/>
      <c r="BV64" s="39" t="s">
        <v>379</v>
      </c>
      <c r="BW64" s="39" t="s">
        <v>547</v>
      </c>
      <c r="BX64" s="39" t="s">
        <v>510</v>
      </c>
      <c r="BY64" s="39" t="s">
        <v>549</v>
      </c>
      <c r="BZ64" s="39" t="s">
        <v>550</v>
      </c>
      <c r="CA64" s="39" t="s">
        <v>425</v>
      </c>
      <c r="CB64" s="39" t="s">
        <v>433</v>
      </c>
      <c r="CC64" s="39" t="s">
        <v>477</v>
      </c>
      <c r="CD64" s="39" t="s">
        <v>427</v>
      </c>
      <c r="CE64" s="39" t="s">
        <v>541</v>
      </c>
      <c r="CF64" s="39" t="s">
        <v>551</v>
      </c>
      <c r="CG64" s="39" t="s">
        <v>480</v>
      </c>
      <c r="CH64" s="39" t="s">
        <v>552</v>
      </c>
      <c r="CI64" s="39" t="s">
        <v>474</v>
      </c>
      <c r="CJ64" s="39" t="s">
        <v>510</v>
      </c>
      <c r="CK64" s="39" t="s">
        <v>477</v>
      </c>
      <c r="CL64" s="39" t="s">
        <v>379</v>
      </c>
      <c r="CM64" s="39" t="s">
        <v>485</v>
      </c>
      <c r="CN64" s="39" t="s">
        <v>512</v>
      </c>
      <c r="CO64" s="39" t="s">
        <v>553</v>
      </c>
      <c r="CP64" s="39" t="s">
        <v>497</v>
      </c>
      <c r="CQ64" s="39" t="s">
        <v>379</v>
      </c>
      <c r="CR64" s="39" t="s">
        <v>489</v>
      </c>
      <c r="CS64" s="39"/>
      <c r="CT64" s="39" t="s">
        <v>531</v>
      </c>
      <c r="CU64" s="39" t="s">
        <v>554</v>
      </c>
      <c r="CV64" s="39" t="s">
        <v>424</v>
      </c>
      <c r="CW64" s="39" t="s">
        <v>425</v>
      </c>
      <c r="CX64" s="39" t="s">
        <v>426</v>
      </c>
      <c r="CY64" s="39" t="s">
        <v>427</v>
      </c>
      <c r="CZ64" s="39" t="s">
        <v>501</v>
      </c>
      <c r="DA64" s="39" t="s">
        <v>429</v>
      </c>
      <c r="DB64" s="39" t="s">
        <v>430</v>
      </c>
      <c r="DC64" s="39" t="s">
        <v>501</v>
      </c>
      <c r="DD64" s="39" t="s">
        <v>555</v>
      </c>
      <c r="DE64" s="39" t="s">
        <v>556</v>
      </c>
      <c r="DF64" s="39"/>
      <c r="DG64" s="40"/>
    </row>
    <row r="65" spans="1:111" ht="10" customHeight="1">
      <c r="A65" s="141"/>
      <c r="B65" s="143" t="s">
        <v>136</v>
      </c>
      <c r="C65" s="41" t="s">
        <v>137</v>
      </c>
      <c r="D65" s="42"/>
      <c r="E65" s="28" t="s">
        <v>138</v>
      </c>
      <c r="F65" s="43">
        <v>2459</v>
      </c>
      <c r="G65" s="43">
        <v>1595</v>
      </c>
      <c r="H65" s="43">
        <v>2585</v>
      </c>
      <c r="I65" s="43">
        <v>1998</v>
      </c>
      <c r="J65" s="43">
        <v>2442</v>
      </c>
      <c r="K65" s="43">
        <v>2151</v>
      </c>
      <c r="L65" s="43">
        <v>1639</v>
      </c>
      <c r="M65" s="43">
        <v>2706</v>
      </c>
      <c r="N65" s="43">
        <v>1952</v>
      </c>
      <c r="O65" s="43">
        <v>2827</v>
      </c>
      <c r="P65" s="43">
        <v>2035</v>
      </c>
      <c r="Q65" s="43">
        <v>2376</v>
      </c>
      <c r="R65" s="43">
        <v>1727</v>
      </c>
      <c r="S65" s="43">
        <v>2310</v>
      </c>
      <c r="T65" s="43">
        <v>2310</v>
      </c>
      <c r="U65" s="43">
        <v>3520</v>
      </c>
      <c r="V65" s="43">
        <v>2156</v>
      </c>
      <c r="W65" s="43">
        <v>1947</v>
      </c>
      <c r="X65" s="43">
        <v>2574</v>
      </c>
      <c r="Y65" s="43">
        <v>1309</v>
      </c>
      <c r="Z65" s="43">
        <v>1023</v>
      </c>
      <c r="AA65" s="43">
        <v>1815</v>
      </c>
      <c r="AB65" s="43">
        <v>1155</v>
      </c>
      <c r="AC65" s="43">
        <v>2255</v>
      </c>
      <c r="AD65" s="43">
        <v>1262</v>
      </c>
      <c r="AE65" s="43">
        <v>1639</v>
      </c>
      <c r="AF65" s="43">
        <v>2728</v>
      </c>
      <c r="AG65" s="43">
        <v>1870</v>
      </c>
      <c r="AH65" s="43">
        <v>2288</v>
      </c>
      <c r="AI65" s="43">
        <v>2174</v>
      </c>
      <c r="AJ65" s="43">
        <v>1650</v>
      </c>
      <c r="AK65" s="43">
        <v>2214</v>
      </c>
      <c r="AL65" s="43">
        <v>1980</v>
      </c>
      <c r="AM65" s="43">
        <v>1595</v>
      </c>
      <c r="AN65" s="43">
        <v>2761</v>
      </c>
      <c r="AO65" s="43">
        <v>1870</v>
      </c>
      <c r="AP65" s="43">
        <v>1367</v>
      </c>
      <c r="AQ65" s="43">
        <v>2806</v>
      </c>
      <c r="AR65" s="43">
        <v>2398</v>
      </c>
      <c r="AS65" s="43">
        <v>1540</v>
      </c>
      <c r="AT65" s="43">
        <v>2530</v>
      </c>
      <c r="AU65" s="43">
        <v>2530</v>
      </c>
      <c r="AV65" s="43">
        <v>2410</v>
      </c>
      <c r="AW65" s="43">
        <v>1540</v>
      </c>
      <c r="AX65" s="43">
        <v>2145</v>
      </c>
      <c r="AY65" s="43">
        <v>2926</v>
      </c>
      <c r="AZ65" s="43">
        <v>2420</v>
      </c>
      <c r="BA65" s="43">
        <v>2167</v>
      </c>
      <c r="BB65" s="43">
        <v>2310</v>
      </c>
      <c r="BC65" s="43">
        <v>1883</v>
      </c>
      <c r="BD65" s="43">
        <v>1870</v>
      </c>
      <c r="BE65" s="43">
        <v>2200</v>
      </c>
      <c r="BF65" s="43">
        <v>2343</v>
      </c>
      <c r="BG65" s="43">
        <v>1925</v>
      </c>
      <c r="BH65" s="43"/>
      <c r="BI65" s="43">
        <v>2706</v>
      </c>
      <c r="BJ65" s="43">
        <v>0</v>
      </c>
      <c r="BK65" s="43">
        <v>1639</v>
      </c>
      <c r="BL65" s="43">
        <v>1650</v>
      </c>
      <c r="BM65" s="43">
        <v>1980</v>
      </c>
      <c r="BN65" s="43">
        <v>1540</v>
      </c>
      <c r="BO65" s="43">
        <v>2145</v>
      </c>
      <c r="BP65" s="43">
        <v>3300</v>
      </c>
      <c r="BQ65" s="43">
        <v>2420</v>
      </c>
      <c r="BR65" s="43">
        <v>2167</v>
      </c>
      <c r="BS65" s="43">
        <v>1870</v>
      </c>
      <c r="BT65" s="43">
        <v>2310</v>
      </c>
      <c r="BU65" s="43"/>
      <c r="BV65" s="43">
        <v>4180</v>
      </c>
      <c r="BW65" s="43">
        <v>3520</v>
      </c>
      <c r="BX65" s="43">
        <v>3544</v>
      </c>
      <c r="BY65" s="43">
        <v>3355</v>
      </c>
      <c r="BZ65" s="43">
        <v>3025</v>
      </c>
      <c r="CA65" s="43">
        <v>3520</v>
      </c>
      <c r="CB65" s="43">
        <v>3718</v>
      </c>
      <c r="CC65" s="43">
        <v>3850</v>
      </c>
      <c r="CD65" s="43">
        <v>3190</v>
      </c>
      <c r="CE65" s="43">
        <v>2761</v>
      </c>
      <c r="CF65" s="43">
        <v>3520</v>
      </c>
      <c r="CG65" s="43">
        <v>3190</v>
      </c>
      <c r="CH65" s="43">
        <v>1925</v>
      </c>
      <c r="CI65" s="43">
        <v>1925</v>
      </c>
      <c r="CJ65" s="43">
        <v>2530</v>
      </c>
      <c r="CK65" s="43">
        <v>3195</v>
      </c>
      <c r="CL65" s="43">
        <v>2145</v>
      </c>
      <c r="CM65" s="43">
        <v>1925</v>
      </c>
      <c r="CN65" s="43">
        <v>3300</v>
      </c>
      <c r="CO65" s="43">
        <v>3360</v>
      </c>
      <c r="CP65" s="43">
        <v>3421</v>
      </c>
      <c r="CQ65" s="43">
        <v>3039</v>
      </c>
      <c r="CR65" s="43">
        <v>3850</v>
      </c>
      <c r="CS65" s="43"/>
      <c r="CT65" s="43">
        <v>1210</v>
      </c>
      <c r="CU65" s="43">
        <v>3300</v>
      </c>
      <c r="CV65" s="43">
        <v>3080</v>
      </c>
      <c r="CW65" s="43">
        <v>3300</v>
      </c>
      <c r="CX65" s="43">
        <v>3300</v>
      </c>
      <c r="CY65" s="43">
        <v>2600</v>
      </c>
      <c r="CZ65" s="43">
        <v>2618</v>
      </c>
      <c r="DA65" s="43">
        <v>3520</v>
      </c>
      <c r="DB65" s="43">
        <v>2090</v>
      </c>
      <c r="DC65" s="43">
        <v>2600</v>
      </c>
      <c r="DD65" s="43">
        <v>3080</v>
      </c>
      <c r="DE65" s="43">
        <v>2090</v>
      </c>
      <c r="DF65" s="43"/>
      <c r="DG65" s="43"/>
    </row>
    <row r="66" spans="1:111" ht="10" customHeight="1">
      <c r="A66" s="141"/>
      <c r="B66" s="143"/>
      <c r="C66" s="144" t="s">
        <v>139</v>
      </c>
      <c r="D66" s="123"/>
      <c r="E66" s="28" t="s">
        <v>140</v>
      </c>
      <c r="F66" s="43">
        <v>19817</v>
      </c>
      <c r="G66" s="43">
        <v>13860</v>
      </c>
      <c r="H66" s="43">
        <v>16665</v>
      </c>
      <c r="I66" s="43">
        <v>12899</v>
      </c>
      <c r="J66" s="43">
        <v>16038</v>
      </c>
      <c r="K66" s="43">
        <v>14911</v>
      </c>
      <c r="L66" s="43">
        <v>13761</v>
      </c>
      <c r="M66" s="43">
        <v>16280</v>
      </c>
      <c r="N66" s="43">
        <v>12647</v>
      </c>
      <c r="O66" s="43">
        <v>16687</v>
      </c>
      <c r="P66" s="43">
        <v>14135</v>
      </c>
      <c r="Q66" s="43">
        <v>19008</v>
      </c>
      <c r="R66" s="43">
        <v>12012</v>
      </c>
      <c r="S66" s="43">
        <v>13310</v>
      </c>
      <c r="T66" s="43">
        <v>13090</v>
      </c>
      <c r="U66" s="43">
        <v>20460</v>
      </c>
      <c r="V66" s="43">
        <v>16621</v>
      </c>
      <c r="W66" s="43">
        <v>10967</v>
      </c>
      <c r="X66" s="43">
        <v>13794</v>
      </c>
      <c r="Y66" s="43">
        <v>8569</v>
      </c>
      <c r="Z66" s="43">
        <v>8810</v>
      </c>
      <c r="AA66" s="43">
        <v>12760</v>
      </c>
      <c r="AB66" s="43">
        <v>6710</v>
      </c>
      <c r="AC66" s="43">
        <v>15785</v>
      </c>
      <c r="AD66" s="43">
        <v>7752</v>
      </c>
      <c r="AE66" s="43">
        <v>10714</v>
      </c>
      <c r="AF66" s="43">
        <v>13728</v>
      </c>
      <c r="AG66" s="43">
        <v>11880</v>
      </c>
      <c r="AH66" s="43">
        <v>14113</v>
      </c>
      <c r="AI66" s="43">
        <v>12173</v>
      </c>
      <c r="AJ66" s="43">
        <v>12760</v>
      </c>
      <c r="AK66" s="43">
        <v>13214</v>
      </c>
      <c r="AL66" s="43">
        <v>14080</v>
      </c>
      <c r="AM66" s="43">
        <v>9350</v>
      </c>
      <c r="AN66" s="43">
        <v>20471</v>
      </c>
      <c r="AO66" s="43">
        <v>14300</v>
      </c>
      <c r="AP66" s="43">
        <v>8660</v>
      </c>
      <c r="AQ66" s="43">
        <v>17342</v>
      </c>
      <c r="AR66" s="43">
        <v>17259</v>
      </c>
      <c r="AS66" s="43">
        <v>11330</v>
      </c>
      <c r="AT66" s="43">
        <v>18370</v>
      </c>
      <c r="AU66" s="43">
        <v>18370</v>
      </c>
      <c r="AV66" s="43">
        <v>17496</v>
      </c>
      <c r="AW66" s="43">
        <v>9900</v>
      </c>
      <c r="AX66" s="43">
        <v>15565</v>
      </c>
      <c r="AY66" s="43">
        <v>15906</v>
      </c>
      <c r="AZ66" s="43">
        <v>15620</v>
      </c>
      <c r="BA66" s="43">
        <v>14179</v>
      </c>
      <c r="BB66" s="43">
        <v>14850</v>
      </c>
      <c r="BC66" s="43">
        <v>12811</v>
      </c>
      <c r="BD66" s="43">
        <v>13530</v>
      </c>
      <c r="BE66" s="43">
        <v>17270</v>
      </c>
      <c r="BF66" s="43">
        <v>19943</v>
      </c>
      <c r="BG66" s="43">
        <v>11715</v>
      </c>
      <c r="BH66" s="43"/>
      <c r="BI66" s="43">
        <v>16280</v>
      </c>
      <c r="BJ66" s="43">
        <v>0</v>
      </c>
      <c r="BK66" s="43">
        <v>10714</v>
      </c>
      <c r="BL66" s="43">
        <v>12760</v>
      </c>
      <c r="BM66" s="43">
        <v>14080</v>
      </c>
      <c r="BN66" s="43">
        <v>11330</v>
      </c>
      <c r="BO66" s="43">
        <v>15565</v>
      </c>
      <c r="BP66" s="43">
        <v>12100</v>
      </c>
      <c r="BQ66" s="43">
        <v>15620</v>
      </c>
      <c r="BR66" s="43">
        <v>14179</v>
      </c>
      <c r="BS66" s="43">
        <v>13530</v>
      </c>
      <c r="BT66" s="43">
        <v>0</v>
      </c>
      <c r="BU66" s="43"/>
      <c r="BV66" s="43">
        <v>0</v>
      </c>
      <c r="BW66" s="43">
        <v>0</v>
      </c>
      <c r="BX66" s="43">
        <v>8504</v>
      </c>
      <c r="BY66" s="43">
        <v>0</v>
      </c>
      <c r="BZ66" s="43">
        <v>0</v>
      </c>
      <c r="CA66" s="43">
        <v>20460</v>
      </c>
      <c r="CB66" s="43">
        <v>0</v>
      </c>
      <c r="CC66" s="43">
        <v>0</v>
      </c>
      <c r="CD66" s="43">
        <v>0</v>
      </c>
      <c r="CE66" s="43">
        <v>20471</v>
      </c>
      <c r="CF66" s="43">
        <v>0</v>
      </c>
      <c r="CG66" s="43">
        <v>0</v>
      </c>
      <c r="CH66" s="43">
        <v>11715</v>
      </c>
      <c r="CI66" s="43">
        <v>11715</v>
      </c>
      <c r="CJ66" s="43">
        <v>0</v>
      </c>
      <c r="CK66" s="43">
        <v>3142</v>
      </c>
      <c r="CL66" s="43">
        <v>15565</v>
      </c>
      <c r="CM66" s="43">
        <v>11715</v>
      </c>
      <c r="CN66" s="43">
        <v>16280</v>
      </c>
      <c r="CO66" s="43">
        <v>2730</v>
      </c>
      <c r="CP66" s="43">
        <v>0</v>
      </c>
      <c r="CQ66" s="43">
        <v>0</v>
      </c>
      <c r="CR66" s="43">
        <v>0</v>
      </c>
      <c r="CS66" s="43"/>
      <c r="CT66" s="43">
        <v>0</v>
      </c>
      <c r="CU66" s="43">
        <v>0</v>
      </c>
      <c r="CV66" s="43">
        <v>18920</v>
      </c>
      <c r="CW66" s="43">
        <v>0</v>
      </c>
      <c r="CX66" s="43">
        <v>0</v>
      </c>
      <c r="CY66" s="43">
        <v>0</v>
      </c>
      <c r="CZ66" s="43">
        <v>0</v>
      </c>
      <c r="DA66" s="43">
        <v>0</v>
      </c>
      <c r="DB66" s="43">
        <v>0</v>
      </c>
      <c r="DC66" s="43">
        <v>0</v>
      </c>
      <c r="DD66" s="43">
        <v>0</v>
      </c>
      <c r="DE66" s="43">
        <v>0</v>
      </c>
      <c r="DF66" s="43"/>
      <c r="DG66" s="44"/>
    </row>
    <row r="67" spans="1:111" ht="10" customHeight="1">
      <c r="A67" s="141"/>
      <c r="B67" s="143"/>
      <c r="C67" s="145"/>
      <c r="D67" s="146"/>
      <c r="E67" s="28" t="s">
        <v>141</v>
      </c>
      <c r="F67" s="43">
        <v>148077</v>
      </c>
      <c r="G67" s="43">
        <v>88110</v>
      </c>
      <c r="H67" s="43">
        <v>103565</v>
      </c>
      <c r="I67" s="43">
        <v>84729</v>
      </c>
      <c r="J67" s="43">
        <v>99198</v>
      </c>
      <c r="K67" s="43">
        <v>99061</v>
      </c>
      <c r="L67" s="43">
        <v>87571</v>
      </c>
      <c r="M67" s="43">
        <v>99000</v>
      </c>
      <c r="N67" s="43">
        <v>75047</v>
      </c>
      <c r="O67" s="43">
        <v>114697</v>
      </c>
      <c r="P67" s="43">
        <v>98835</v>
      </c>
      <c r="Q67" s="43">
        <v>118008</v>
      </c>
      <c r="R67" s="43">
        <v>73612</v>
      </c>
      <c r="S67" s="43">
        <v>85910</v>
      </c>
      <c r="T67" s="43">
        <v>75790</v>
      </c>
      <c r="U67" s="43">
        <v>108460</v>
      </c>
      <c r="V67" s="43">
        <v>114851</v>
      </c>
      <c r="W67" s="43">
        <v>62667</v>
      </c>
      <c r="X67" s="43">
        <v>75174</v>
      </c>
      <c r="Y67" s="43">
        <v>71819</v>
      </c>
      <c r="Z67" s="43">
        <v>64030</v>
      </c>
      <c r="AA67" s="43">
        <v>84810</v>
      </c>
      <c r="AB67" s="43">
        <v>37510</v>
      </c>
      <c r="AC67" s="43">
        <v>92785</v>
      </c>
      <c r="AD67" s="43">
        <v>43832</v>
      </c>
      <c r="AE67" s="43">
        <v>63514</v>
      </c>
      <c r="AF67" s="43">
        <v>78628</v>
      </c>
      <c r="AG67" s="43">
        <v>74580</v>
      </c>
      <c r="AH67" s="43">
        <v>80113</v>
      </c>
      <c r="AI67" s="43">
        <v>76853</v>
      </c>
      <c r="AJ67" s="43">
        <v>76560</v>
      </c>
      <c r="AK67" s="43">
        <v>84384</v>
      </c>
      <c r="AL67" s="43">
        <v>93555</v>
      </c>
      <c r="AM67" s="43">
        <v>66550</v>
      </c>
      <c r="AN67" s="43">
        <v>126071</v>
      </c>
      <c r="AO67" s="43">
        <v>111100</v>
      </c>
      <c r="AP67" s="43">
        <v>50020</v>
      </c>
      <c r="AQ67" s="43">
        <v>101382</v>
      </c>
      <c r="AR67" s="43">
        <v>102619</v>
      </c>
      <c r="AS67" s="43">
        <v>72930</v>
      </c>
      <c r="AT67" s="43">
        <v>117370</v>
      </c>
      <c r="AU67" s="43">
        <v>119570</v>
      </c>
      <c r="AV67" s="43">
        <v>113848</v>
      </c>
      <c r="AW67" s="43">
        <v>64900</v>
      </c>
      <c r="AX67" s="43">
        <v>93665</v>
      </c>
      <c r="AY67" s="43">
        <v>104973</v>
      </c>
      <c r="AZ67" s="43">
        <v>101420</v>
      </c>
      <c r="BA67" s="43">
        <v>99429</v>
      </c>
      <c r="BB67" s="43">
        <v>92400</v>
      </c>
      <c r="BC67" s="43">
        <v>77601</v>
      </c>
      <c r="BD67" s="43">
        <v>79530</v>
      </c>
      <c r="BE67" s="43">
        <v>100870</v>
      </c>
      <c r="BF67" s="43">
        <v>147543</v>
      </c>
      <c r="BG67" s="43">
        <v>79915</v>
      </c>
      <c r="BH67" s="43"/>
      <c r="BI67" s="43">
        <v>99000</v>
      </c>
      <c r="BJ67" s="43">
        <v>0</v>
      </c>
      <c r="BK67" s="43">
        <v>63514</v>
      </c>
      <c r="BL67" s="43">
        <v>76560</v>
      </c>
      <c r="BM67" s="43">
        <v>93555</v>
      </c>
      <c r="BN67" s="43">
        <v>72930</v>
      </c>
      <c r="BO67" s="43">
        <v>93665</v>
      </c>
      <c r="BP67" s="43">
        <v>56100</v>
      </c>
      <c r="BQ67" s="43">
        <v>101420</v>
      </c>
      <c r="BR67" s="43">
        <v>99429</v>
      </c>
      <c r="BS67" s="43">
        <v>79530</v>
      </c>
      <c r="BT67" s="43">
        <v>0</v>
      </c>
      <c r="BU67" s="43"/>
      <c r="BV67" s="43">
        <v>0</v>
      </c>
      <c r="BW67" s="43">
        <v>0</v>
      </c>
      <c r="BX67" s="43">
        <v>33304</v>
      </c>
      <c r="BY67" s="43">
        <v>0</v>
      </c>
      <c r="BZ67" s="43">
        <v>0</v>
      </c>
      <c r="CA67" s="43">
        <v>108460</v>
      </c>
      <c r="CB67" s="43">
        <v>0</v>
      </c>
      <c r="CC67" s="43">
        <v>0</v>
      </c>
      <c r="CD67" s="43">
        <v>0</v>
      </c>
      <c r="CE67" s="43">
        <v>126071</v>
      </c>
      <c r="CF67" s="43">
        <v>0</v>
      </c>
      <c r="CG67" s="43">
        <v>0</v>
      </c>
      <c r="CH67" s="43">
        <v>79915</v>
      </c>
      <c r="CI67" s="43">
        <v>64515</v>
      </c>
      <c r="CJ67" s="43">
        <v>0</v>
      </c>
      <c r="CK67" s="43">
        <v>0</v>
      </c>
      <c r="CL67" s="43">
        <v>93665</v>
      </c>
      <c r="CM67" s="43">
        <v>79915</v>
      </c>
      <c r="CN67" s="43">
        <v>102080</v>
      </c>
      <c r="CO67" s="43">
        <v>2730</v>
      </c>
      <c r="CP67" s="43">
        <v>0</v>
      </c>
      <c r="CQ67" s="43">
        <v>0</v>
      </c>
      <c r="CR67" s="43">
        <v>0</v>
      </c>
      <c r="CS67" s="43"/>
      <c r="CT67" s="43">
        <v>0</v>
      </c>
      <c r="CU67" s="43">
        <v>0</v>
      </c>
      <c r="CV67" s="43">
        <v>120120</v>
      </c>
      <c r="CW67" s="43">
        <v>0</v>
      </c>
      <c r="CX67" s="43">
        <v>0</v>
      </c>
      <c r="CY67" s="43">
        <v>0</v>
      </c>
      <c r="CZ67" s="43">
        <v>0</v>
      </c>
      <c r="DA67" s="43">
        <v>0</v>
      </c>
      <c r="DB67" s="43">
        <v>0</v>
      </c>
      <c r="DC67" s="43">
        <v>0</v>
      </c>
      <c r="DD67" s="43">
        <v>0</v>
      </c>
      <c r="DE67" s="43">
        <v>0</v>
      </c>
      <c r="DF67" s="43"/>
      <c r="DG67" s="43"/>
    </row>
    <row r="68" spans="1:111" ht="10" customHeight="1">
      <c r="A68" s="141"/>
      <c r="B68" s="143"/>
      <c r="C68" s="145"/>
      <c r="D68" s="146"/>
      <c r="E68" s="28" t="s">
        <v>142</v>
      </c>
      <c r="F68" s="43">
        <v>341677</v>
      </c>
      <c r="G68" s="43">
        <v>192610</v>
      </c>
      <c r="H68" s="43">
        <v>230065</v>
      </c>
      <c r="I68" s="43">
        <v>188129</v>
      </c>
      <c r="J68" s="43">
        <v>211398</v>
      </c>
      <c r="K68" s="43">
        <v>211811</v>
      </c>
      <c r="L68" s="43">
        <v>199771</v>
      </c>
      <c r="M68" s="43">
        <v>218900</v>
      </c>
      <c r="N68" s="43">
        <v>153047</v>
      </c>
      <c r="O68" s="43">
        <v>257147</v>
      </c>
      <c r="P68" s="43">
        <v>208835</v>
      </c>
      <c r="Q68" s="43">
        <v>263208</v>
      </c>
      <c r="R68" s="43">
        <v>167112</v>
      </c>
      <c r="S68" s="43">
        <v>184910</v>
      </c>
      <c r="T68" s="43">
        <v>161040</v>
      </c>
      <c r="U68" s="43">
        <v>218460</v>
      </c>
      <c r="V68" s="43">
        <v>257301</v>
      </c>
      <c r="W68" s="43">
        <v>134167</v>
      </c>
      <c r="X68" s="43">
        <v>157674</v>
      </c>
      <c r="Y68" s="43">
        <v>162569</v>
      </c>
      <c r="Z68" s="43">
        <v>146531</v>
      </c>
      <c r="AA68" s="43">
        <v>189310</v>
      </c>
      <c r="AB68" s="43">
        <v>78760</v>
      </c>
      <c r="AC68" s="43">
        <v>194535</v>
      </c>
      <c r="AD68" s="43">
        <v>92232</v>
      </c>
      <c r="AE68" s="43">
        <v>135564</v>
      </c>
      <c r="AF68" s="43">
        <v>166628</v>
      </c>
      <c r="AG68" s="43">
        <v>157080</v>
      </c>
      <c r="AH68" s="43">
        <v>168113</v>
      </c>
      <c r="AI68" s="43">
        <v>169253</v>
      </c>
      <c r="AJ68" s="43">
        <v>156310</v>
      </c>
      <c r="AK68" s="43">
        <v>191634</v>
      </c>
      <c r="AL68" s="43">
        <v>206305</v>
      </c>
      <c r="AM68" s="43">
        <v>143550</v>
      </c>
      <c r="AN68" s="43">
        <v>258071</v>
      </c>
      <c r="AO68" s="43">
        <v>232100</v>
      </c>
      <c r="AP68" s="43">
        <v>112720</v>
      </c>
      <c r="AQ68" s="43">
        <v>206432</v>
      </c>
      <c r="AR68" s="43">
        <v>212619</v>
      </c>
      <c r="AS68" s="43">
        <v>149930</v>
      </c>
      <c r="AT68" s="43">
        <v>260370</v>
      </c>
      <c r="AU68" s="43">
        <v>265870</v>
      </c>
      <c r="AV68" s="43">
        <v>235215</v>
      </c>
      <c r="AW68" s="43">
        <v>147400</v>
      </c>
      <c r="AX68" s="43">
        <v>198165</v>
      </c>
      <c r="AY68" s="43">
        <v>222706</v>
      </c>
      <c r="AZ68" s="43">
        <v>222420</v>
      </c>
      <c r="BA68" s="43">
        <v>223179</v>
      </c>
      <c r="BB68" s="43">
        <v>199650</v>
      </c>
      <c r="BC68" s="43">
        <v>171651</v>
      </c>
      <c r="BD68" s="43">
        <v>178530</v>
      </c>
      <c r="BE68" s="43">
        <v>205370</v>
      </c>
      <c r="BF68" s="43">
        <v>322443</v>
      </c>
      <c r="BG68" s="43">
        <v>178915</v>
      </c>
      <c r="BH68" s="43"/>
      <c r="BI68" s="43">
        <v>218900</v>
      </c>
      <c r="BJ68" s="43">
        <v>0</v>
      </c>
      <c r="BK68" s="43">
        <v>135564</v>
      </c>
      <c r="BL68" s="43">
        <v>156310</v>
      </c>
      <c r="BM68" s="43">
        <v>206305</v>
      </c>
      <c r="BN68" s="43">
        <v>149930</v>
      </c>
      <c r="BO68" s="43">
        <v>198165</v>
      </c>
      <c r="BP68" s="43">
        <v>111100</v>
      </c>
      <c r="BQ68" s="43">
        <v>222420</v>
      </c>
      <c r="BR68" s="43">
        <v>223179</v>
      </c>
      <c r="BS68" s="43">
        <v>178530</v>
      </c>
      <c r="BT68" s="43">
        <v>0</v>
      </c>
      <c r="BU68" s="43"/>
      <c r="BV68" s="43">
        <v>0</v>
      </c>
      <c r="BW68" s="43">
        <v>0</v>
      </c>
      <c r="BX68" s="43">
        <v>64304</v>
      </c>
      <c r="BY68" s="43">
        <v>0</v>
      </c>
      <c r="BZ68" s="43">
        <v>0</v>
      </c>
      <c r="CA68" s="43">
        <v>218460</v>
      </c>
      <c r="CB68" s="43">
        <v>0</v>
      </c>
      <c r="CC68" s="43">
        <v>0</v>
      </c>
      <c r="CD68" s="43">
        <v>0</v>
      </c>
      <c r="CE68" s="43">
        <v>258071</v>
      </c>
      <c r="CF68" s="43">
        <v>0</v>
      </c>
      <c r="CG68" s="43">
        <v>0</v>
      </c>
      <c r="CH68" s="43">
        <v>178915</v>
      </c>
      <c r="CI68" s="43">
        <v>130515</v>
      </c>
      <c r="CJ68" s="43">
        <v>0</v>
      </c>
      <c r="CK68" s="43">
        <v>0</v>
      </c>
      <c r="CL68" s="43">
        <v>198165</v>
      </c>
      <c r="CM68" s="43">
        <v>178915</v>
      </c>
      <c r="CN68" s="43">
        <v>223080</v>
      </c>
      <c r="CO68" s="43">
        <v>2730</v>
      </c>
      <c r="CP68" s="43">
        <v>0</v>
      </c>
      <c r="CQ68" s="43">
        <v>0</v>
      </c>
      <c r="CR68" s="43">
        <v>0</v>
      </c>
      <c r="CS68" s="43"/>
      <c r="CT68" s="43">
        <v>0</v>
      </c>
      <c r="CU68" s="43">
        <v>0</v>
      </c>
      <c r="CV68" s="43">
        <v>266420</v>
      </c>
      <c r="CW68" s="43">
        <v>0</v>
      </c>
      <c r="CX68" s="43">
        <v>0</v>
      </c>
      <c r="CY68" s="43">
        <v>0</v>
      </c>
      <c r="CZ68" s="43">
        <v>0</v>
      </c>
      <c r="DA68" s="43">
        <v>0</v>
      </c>
      <c r="DB68" s="43">
        <v>0</v>
      </c>
      <c r="DC68" s="43">
        <v>0</v>
      </c>
      <c r="DD68" s="43">
        <v>0</v>
      </c>
      <c r="DE68" s="43">
        <v>0</v>
      </c>
      <c r="DF68" s="43"/>
      <c r="DG68" s="43"/>
    </row>
    <row r="69" spans="1:111" ht="10" customHeight="1">
      <c r="A69" s="141"/>
      <c r="B69" s="143"/>
      <c r="C69" s="145"/>
      <c r="D69" s="146"/>
      <c r="E69" s="28" t="s">
        <v>143</v>
      </c>
      <c r="F69" s="43">
        <v>2035677</v>
      </c>
      <c r="G69" s="43">
        <v>1028610</v>
      </c>
      <c r="H69" s="43">
        <v>1286065</v>
      </c>
      <c r="I69" s="43">
        <v>1163829</v>
      </c>
      <c r="J69" s="43">
        <v>1161798</v>
      </c>
      <c r="K69" s="43">
        <v>1113811</v>
      </c>
      <c r="L69" s="43">
        <v>1229371</v>
      </c>
      <c r="M69" s="43">
        <v>1178100</v>
      </c>
      <c r="N69" s="43">
        <v>777047</v>
      </c>
      <c r="O69" s="43">
        <v>1524347</v>
      </c>
      <c r="P69" s="43">
        <v>1264835</v>
      </c>
      <c r="Q69" s="43">
        <v>1424808</v>
      </c>
      <c r="R69" s="43">
        <v>1047112</v>
      </c>
      <c r="S69" s="43">
        <v>1064910</v>
      </c>
      <c r="T69" s="43">
        <v>887040</v>
      </c>
      <c r="U69" s="43">
        <v>1098460</v>
      </c>
      <c r="V69" s="43">
        <v>1511301</v>
      </c>
      <c r="W69" s="43">
        <v>706167</v>
      </c>
      <c r="X69" s="43">
        <v>817674</v>
      </c>
      <c r="Y69" s="43">
        <v>998569</v>
      </c>
      <c r="Z69" s="43">
        <v>960531</v>
      </c>
      <c r="AA69" s="43">
        <v>1025310</v>
      </c>
      <c r="AB69" s="43">
        <v>452760</v>
      </c>
      <c r="AC69" s="43">
        <v>1118535</v>
      </c>
      <c r="AD69" s="43">
        <v>505832</v>
      </c>
      <c r="AE69" s="43">
        <v>760364</v>
      </c>
      <c r="AF69" s="43">
        <v>914628</v>
      </c>
      <c r="AG69" s="43">
        <v>949080</v>
      </c>
      <c r="AH69" s="43">
        <v>872113</v>
      </c>
      <c r="AI69" s="43">
        <v>908453</v>
      </c>
      <c r="AJ69" s="43">
        <v>794310</v>
      </c>
      <c r="AK69" s="43">
        <v>1230034</v>
      </c>
      <c r="AL69" s="43">
        <v>1108305</v>
      </c>
      <c r="AM69" s="43">
        <v>759550</v>
      </c>
      <c r="AN69" s="43">
        <v>1314071</v>
      </c>
      <c r="AO69" s="43">
        <v>1200100</v>
      </c>
      <c r="AP69" s="43">
        <v>614320</v>
      </c>
      <c r="AQ69" s="43">
        <v>1046832</v>
      </c>
      <c r="AR69" s="43">
        <v>1149819</v>
      </c>
      <c r="AS69" s="43">
        <v>765930</v>
      </c>
      <c r="AT69" s="43">
        <v>1404370</v>
      </c>
      <c r="AU69" s="43">
        <v>1453870</v>
      </c>
      <c r="AV69" s="43">
        <v>1384675</v>
      </c>
      <c r="AW69" s="43">
        <v>807400</v>
      </c>
      <c r="AX69" s="43">
        <v>1056165</v>
      </c>
      <c r="AY69" s="43">
        <v>1234706</v>
      </c>
      <c r="AZ69" s="43">
        <v>1278420</v>
      </c>
      <c r="BA69" s="43">
        <v>1323179</v>
      </c>
      <c r="BB69" s="43">
        <v>1123650</v>
      </c>
      <c r="BC69" s="43">
        <v>924051</v>
      </c>
      <c r="BD69" s="43">
        <v>970530</v>
      </c>
      <c r="BE69" s="43">
        <v>1041370</v>
      </c>
      <c r="BF69" s="43">
        <v>1721643</v>
      </c>
      <c r="BG69" s="43">
        <v>1058915</v>
      </c>
      <c r="BH69" s="43"/>
      <c r="BI69" s="43">
        <v>1178100</v>
      </c>
      <c r="BJ69" s="43">
        <v>0</v>
      </c>
      <c r="BK69" s="43">
        <v>760364</v>
      </c>
      <c r="BL69" s="43">
        <v>794310</v>
      </c>
      <c r="BM69" s="43">
        <v>1108305</v>
      </c>
      <c r="BN69" s="43">
        <v>765930</v>
      </c>
      <c r="BO69" s="43">
        <v>1056165</v>
      </c>
      <c r="BP69" s="43">
        <v>551100</v>
      </c>
      <c r="BQ69" s="43">
        <v>1278420</v>
      </c>
      <c r="BR69" s="43">
        <v>1323179</v>
      </c>
      <c r="BS69" s="43">
        <v>970530</v>
      </c>
      <c r="BT69" s="43">
        <v>0</v>
      </c>
      <c r="BU69" s="43"/>
      <c r="BV69" s="43">
        <v>0</v>
      </c>
      <c r="BW69" s="43">
        <v>0</v>
      </c>
      <c r="BX69" s="43">
        <v>312304</v>
      </c>
      <c r="BY69" s="43">
        <v>0</v>
      </c>
      <c r="BZ69" s="43">
        <v>0</v>
      </c>
      <c r="CA69" s="43">
        <v>1098460</v>
      </c>
      <c r="CB69" s="43">
        <v>0</v>
      </c>
      <c r="CC69" s="43">
        <v>0</v>
      </c>
      <c r="CD69" s="43">
        <v>0</v>
      </c>
      <c r="CE69" s="43">
        <v>1314071</v>
      </c>
      <c r="CF69" s="43">
        <v>0</v>
      </c>
      <c r="CG69" s="43">
        <v>0</v>
      </c>
      <c r="CH69" s="43">
        <v>1058915</v>
      </c>
      <c r="CI69" s="43">
        <v>658515</v>
      </c>
      <c r="CJ69" s="43">
        <v>0</v>
      </c>
      <c r="CK69" s="43">
        <v>0</v>
      </c>
      <c r="CL69" s="43">
        <v>1056165</v>
      </c>
      <c r="CM69" s="43">
        <v>1058915</v>
      </c>
      <c r="CN69" s="43">
        <v>1235080</v>
      </c>
      <c r="CO69" s="43">
        <v>2730</v>
      </c>
      <c r="CP69" s="43">
        <v>0</v>
      </c>
      <c r="CQ69" s="43">
        <v>0</v>
      </c>
      <c r="CR69" s="43">
        <v>0</v>
      </c>
      <c r="CS69" s="43"/>
      <c r="CT69" s="43">
        <v>0</v>
      </c>
      <c r="CU69" s="43">
        <v>0</v>
      </c>
      <c r="CV69" s="43">
        <v>1454420</v>
      </c>
      <c r="CW69" s="43">
        <v>0</v>
      </c>
      <c r="CX69" s="43">
        <v>0</v>
      </c>
      <c r="CY69" s="43">
        <v>0</v>
      </c>
      <c r="CZ69" s="43">
        <v>0</v>
      </c>
      <c r="DA69" s="43">
        <v>0</v>
      </c>
      <c r="DB69" s="43">
        <v>0</v>
      </c>
      <c r="DC69" s="43">
        <v>0</v>
      </c>
      <c r="DD69" s="43">
        <v>0</v>
      </c>
      <c r="DE69" s="43">
        <v>0</v>
      </c>
      <c r="DF69" s="43"/>
      <c r="DG69" s="43"/>
    </row>
    <row r="70" spans="1:111" ht="10" customHeight="1">
      <c r="A70" s="141"/>
      <c r="B70" s="143"/>
      <c r="C70" s="124"/>
      <c r="D70" s="125"/>
      <c r="E70" s="28" t="s">
        <v>144</v>
      </c>
      <c r="F70" s="43">
        <v>4307177</v>
      </c>
      <c r="G70" s="43">
        <v>2073610</v>
      </c>
      <c r="H70" s="43">
        <v>2606065</v>
      </c>
      <c r="I70" s="43">
        <v>2428829</v>
      </c>
      <c r="J70" s="43">
        <v>2349798</v>
      </c>
      <c r="K70" s="43">
        <v>2241311</v>
      </c>
      <c r="L70" s="43">
        <v>2516371</v>
      </c>
      <c r="M70" s="43">
        <v>2377100</v>
      </c>
      <c r="N70" s="43">
        <v>1557047</v>
      </c>
      <c r="O70" s="43">
        <v>3108347</v>
      </c>
      <c r="P70" s="43">
        <v>2777335</v>
      </c>
      <c r="Q70" s="43">
        <v>2876808</v>
      </c>
      <c r="R70" s="43">
        <v>2147112</v>
      </c>
      <c r="S70" s="43">
        <v>2164910</v>
      </c>
      <c r="T70" s="43">
        <v>1794540</v>
      </c>
      <c r="U70" s="43">
        <v>2198460</v>
      </c>
      <c r="V70" s="43">
        <v>3078801</v>
      </c>
      <c r="W70" s="43">
        <v>1421167</v>
      </c>
      <c r="X70" s="43">
        <v>1642674</v>
      </c>
      <c r="Y70" s="43">
        <v>2043569</v>
      </c>
      <c r="Z70" s="43">
        <v>2126531</v>
      </c>
      <c r="AA70" s="43">
        <v>2070310</v>
      </c>
      <c r="AB70" s="43">
        <v>920620</v>
      </c>
      <c r="AC70" s="43">
        <v>2273535</v>
      </c>
      <c r="AD70" s="43">
        <v>1022832</v>
      </c>
      <c r="AE70" s="43">
        <v>1541364</v>
      </c>
      <c r="AF70" s="43">
        <v>1849628</v>
      </c>
      <c r="AG70" s="43">
        <v>1939080</v>
      </c>
      <c r="AH70" s="43">
        <v>1752113</v>
      </c>
      <c r="AI70" s="43">
        <v>1832453</v>
      </c>
      <c r="AJ70" s="43">
        <v>1591810</v>
      </c>
      <c r="AK70" s="43">
        <v>2528034</v>
      </c>
      <c r="AL70" s="43">
        <v>2235805</v>
      </c>
      <c r="AM70" s="43">
        <v>1529550</v>
      </c>
      <c r="AN70" s="43">
        <v>2634071</v>
      </c>
      <c r="AO70" s="43">
        <v>2410100</v>
      </c>
      <c r="AP70" s="43">
        <v>1241320</v>
      </c>
      <c r="AQ70" s="43">
        <v>2097332</v>
      </c>
      <c r="AR70" s="43">
        <v>2321319</v>
      </c>
      <c r="AS70" s="43">
        <v>1535930</v>
      </c>
      <c r="AT70" s="43">
        <v>2834370</v>
      </c>
      <c r="AU70" s="43">
        <v>2938870</v>
      </c>
      <c r="AV70" s="43">
        <v>2799000</v>
      </c>
      <c r="AW70" s="43">
        <v>1632400</v>
      </c>
      <c r="AX70" s="43">
        <v>2128665</v>
      </c>
      <c r="AY70" s="43">
        <v>2499706</v>
      </c>
      <c r="AZ70" s="43">
        <v>2598420</v>
      </c>
      <c r="BA70" s="43">
        <v>2698179</v>
      </c>
      <c r="BB70" s="43">
        <v>2278650</v>
      </c>
      <c r="BC70" s="43">
        <v>1864551</v>
      </c>
      <c r="BD70" s="43">
        <v>1960530</v>
      </c>
      <c r="BE70" s="43">
        <v>2086370</v>
      </c>
      <c r="BF70" s="43">
        <v>3470643</v>
      </c>
      <c r="BG70" s="43">
        <v>2158915</v>
      </c>
      <c r="BH70" s="43"/>
      <c r="BI70" s="43">
        <v>2377100</v>
      </c>
      <c r="BJ70" s="43">
        <v>0</v>
      </c>
      <c r="BK70" s="43">
        <v>1541364</v>
      </c>
      <c r="BL70" s="43">
        <v>1591810</v>
      </c>
      <c r="BM70" s="43">
        <v>2235805</v>
      </c>
      <c r="BN70" s="43">
        <v>1535930</v>
      </c>
      <c r="BO70" s="43">
        <v>2128665</v>
      </c>
      <c r="BP70" s="43">
        <v>1101100</v>
      </c>
      <c r="BQ70" s="43">
        <v>2598420</v>
      </c>
      <c r="BR70" s="43">
        <v>2698179</v>
      </c>
      <c r="BS70" s="43">
        <v>1960530</v>
      </c>
      <c r="BT70" s="43">
        <v>0</v>
      </c>
      <c r="BU70" s="43"/>
      <c r="BV70" s="43">
        <v>0</v>
      </c>
      <c r="BW70" s="43">
        <v>0</v>
      </c>
      <c r="BX70" s="43">
        <v>622304</v>
      </c>
      <c r="BY70" s="43">
        <v>0</v>
      </c>
      <c r="BZ70" s="43">
        <v>0</v>
      </c>
      <c r="CA70" s="43">
        <v>2198460</v>
      </c>
      <c r="CB70" s="43">
        <v>0</v>
      </c>
      <c r="CC70" s="43">
        <v>0</v>
      </c>
      <c r="CD70" s="43">
        <v>0</v>
      </c>
      <c r="CE70" s="43">
        <v>2634071</v>
      </c>
      <c r="CF70" s="43">
        <v>0</v>
      </c>
      <c r="CG70" s="43">
        <v>0</v>
      </c>
      <c r="CH70" s="43">
        <v>2158915</v>
      </c>
      <c r="CI70" s="43">
        <v>1318515</v>
      </c>
      <c r="CJ70" s="43">
        <v>0</v>
      </c>
      <c r="CK70" s="43">
        <v>0</v>
      </c>
      <c r="CL70" s="43">
        <v>2128665</v>
      </c>
      <c r="CM70" s="43">
        <v>2158915</v>
      </c>
      <c r="CN70" s="43">
        <v>2500080</v>
      </c>
      <c r="CO70" s="43">
        <v>2730</v>
      </c>
      <c r="CP70" s="43">
        <v>0</v>
      </c>
      <c r="CQ70" s="43">
        <v>0</v>
      </c>
      <c r="CR70" s="43">
        <v>0</v>
      </c>
      <c r="CS70" s="43"/>
      <c r="CT70" s="43">
        <v>0</v>
      </c>
      <c r="CU70" s="43">
        <v>0</v>
      </c>
      <c r="CV70" s="43">
        <v>2939420</v>
      </c>
      <c r="CW70" s="43">
        <v>0</v>
      </c>
      <c r="CX70" s="43">
        <v>0</v>
      </c>
      <c r="CY70" s="43">
        <v>0</v>
      </c>
      <c r="CZ70" s="43">
        <v>0</v>
      </c>
      <c r="DA70" s="43">
        <v>0</v>
      </c>
      <c r="DB70" s="43">
        <v>0</v>
      </c>
      <c r="DC70" s="43">
        <v>0</v>
      </c>
      <c r="DD70" s="43">
        <v>0</v>
      </c>
      <c r="DE70" s="43">
        <v>0</v>
      </c>
      <c r="DF70" s="43"/>
      <c r="DG70" s="43"/>
    </row>
    <row r="71" spans="1:111" ht="10" customHeight="1">
      <c r="A71" s="141"/>
      <c r="B71" s="122" t="s">
        <v>154</v>
      </c>
      <c r="C71" s="122"/>
      <c r="D71" s="122"/>
      <c r="E71" s="122"/>
      <c r="F71" s="43">
        <v>17050143</v>
      </c>
      <c r="G71" s="43">
        <v>3179849</v>
      </c>
      <c r="H71" s="43">
        <v>1593457</v>
      </c>
      <c r="I71" s="43">
        <v>5782245</v>
      </c>
      <c r="J71" s="43">
        <v>511075</v>
      </c>
      <c r="K71" s="43">
        <v>435302</v>
      </c>
      <c r="L71" s="43">
        <v>3226224</v>
      </c>
      <c r="M71" s="43">
        <v>873953</v>
      </c>
      <c r="N71" s="43">
        <v>513074</v>
      </c>
      <c r="O71" s="43">
        <v>769522</v>
      </c>
      <c r="P71" s="43">
        <v>886335</v>
      </c>
      <c r="Q71" s="43">
        <v>2376707</v>
      </c>
      <c r="R71" s="43">
        <v>1637878</v>
      </c>
      <c r="S71" s="43">
        <v>291729</v>
      </c>
      <c r="T71" s="43">
        <v>1048598</v>
      </c>
      <c r="U71" s="43">
        <v>1519295</v>
      </c>
      <c r="V71" s="43">
        <v>2233317</v>
      </c>
      <c r="W71" s="43">
        <v>2455788</v>
      </c>
      <c r="X71" s="43">
        <v>3445080</v>
      </c>
      <c r="Y71" s="43">
        <v>577384</v>
      </c>
      <c r="Z71" s="43">
        <v>1271658</v>
      </c>
      <c r="AA71" s="43">
        <v>1370445</v>
      </c>
      <c r="AB71" s="43">
        <v>898917</v>
      </c>
      <c r="AC71" s="43">
        <v>803159</v>
      </c>
      <c r="AD71" s="43">
        <v>619134</v>
      </c>
      <c r="AE71" s="43">
        <v>1399820</v>
      </c>
      <c r="AF71" s="43">
        <v>746692</v>
      </c>
      <c r="AG71" s="43">
        <v>1263598</v>
      </c>
      <c r="AH71" s="43">
        <v>541217</v>
      </c>
      <c r="AI71" s="43">
        <v>1197012</v>
      </c>
      <c r="AJ71" s="43">
        <v>883961</v>
      </c>
      <c r="AK71" s="43">
        <v>1371075</v>
      </c>
      <c r="AL71" s="43">
        <v>458207</v>
      </c>
      <c r="AM71" s="43">
        <v>160583</v>
      </c>
      <c r="AN71" s="43">
        <v>639443</v>
      </c>
      <c r="AO71" s="43">
        <v>630091</v>
      </c>
      <c r="AP71" s="43">
        <v>1021020</v>
      </c>
      <c r="AQ71" s="43">
        <v>478235</v>
      </c>
      <c r="AR71" s="43">
        <v>446663</v>
      </c>
      <c r="AS71" s="43">
        <v>367258</v>
      </c>
      <c r="AT71" s="43">
        <v>185645</v>
      </c>
      <c r="AU71" s="43">
        <v>299014</v>
      </c>
      <c r="AV71" s="43">
        <v>200586</v>
      </c>
      <c r="AW71" s="43">
        <v>135687</v>
      </c>
      <c r="AX71" s="43">
        <v>169789</v>
      </c>
      <c r="AY71" s="43">
        <v>23689</v>
      </c>
      <c r="AZ71" s="43">
        <v>20143</v>
      </c>
      <c r="BA71" s="43">
        <v>59443</v>
      </c>
      <c r="BB71" s="43">
        <v>160179</v>
      </c>
      <c r="BC71" s="43">
        <v>226210</v>
      </c>
      <c r="BD71" s="43">
        <v>270604</v>
      </c>
      <c r="BE71" s="43">
        <v>164888</v>
      </c>
      <c r="BF71" s="43">
        <v>1778009</v>
      </c>
      <c r="BG71" s="43">
        <v>431628</v>
      </c>
      <c r="BH71" s="43">
        <v>71100657</v>
      </c>
      <c r="BI71" s="43">
        <v>9819</v>
      </c>
      <c r="BJ71" s="43">
        <v>0</v>
      </c>
      <c r="BK71" s="43">
        <v>19874</v>
      </c>
      <c r="BL71" s="43">
        <v>53146</v>
      </c>
      <c r="BM71" s="43">
        <v>26913</v>
      </c>
      <c r="BN71" s="43">
        <v>91815</v>
      </c>
      <c r="BO71" s="43">
        <v>23954</v>
      </c>
      <c r="BP71" s="43">
        <v>39501</v>
      </c>
      <c r="BQ71" s="43">
        <v>9614</v>
      </c>
      <c r="BR71" s="43">
        <v>6240</v>
      </c>
      <c r="BS71" s="43">
        <v>29321</v>
      </c>
      <c r="BT71" s="43">
        <v>98176</v>
      </c>
      <c r="BU71" s="43">
        <v>408373</v>
      </c>
      <c r="BV71" s="43">
        <v>129000</v>
      </c>
      <c r="BW71" s="43">
        <v>26530</v>
      </c>
      <c r="BX71" s="43">
        <v>131852</v>
      </c>
      <c r="BY71" s="43">
        <v>28048</v>
      </c>
      <c r="BZ71" s="43">
        <v>31256</v>
      </c>
      <c r="CA71" s="43">
        <v>285956</v>
      </c>
      <c r="CB71" s="43">
        <v>142751</v>
      </c>
      <c r="CC71" s="43">
        <v>44093</v>
      </c>
      <c r="CD71" s="43">
        <v>4126</v>
      </c>
      <c r="CE71" s="43">
        <v>5951</v>
      </c>
      <c r="CF71" s="43">
        <v>4883</v>
      </c>
      <c r="CG71" s="43">
        <v>15113</v>
      </c>
      <c r="CH71" s="43">
        <v>3934</v>
      </c>
      <c r="CI71" s="43">
        <v>10968</v>
      </c>
      <c r="CJ71" s="43">
        <v>14628</v>
      </c>
      <c r="CK71" s="43">
        <v>18082</v>
      </c>
      <c r="CL71" s="43">
        <v>56150</v>
      </c>
      <c r="CM71" s="43">
        <v>5854</v>
      </c>
      <c r="CN71" s="43">
        <v>32998</v>
      </c>
      <c r="CO71" s="43">
        <v>2047</v>
      </c>
      <c r="CP71" s="43">
        <v>27327</v>
      </c>
      <c r="CQ71" s="43">
        <v>8499</v>
      </c>
      <c r="CR71" s="43">
        <v>1894</v>
      </c>
      <c r="CS71" s="24">
        <v>1031940</v>
      </c>
      <c r="CT71" s="43">
        <v>29817</v>
      </c>
      <c r="CU71" s="43">
        <v>10681</v>
      </c>
      <c r="CV71" s="43">
        <v>29631</v>
      </c>
      <c r="CW71" s="43">
        <v>637</v>
      </c>
      <c r="CX71" s="43">
        <v>2284</v>
      </c>
      <c r="CY71" s="43">
        <v>10950</v>
      </c>
      <c r="CZ71" s="43">
        <v>54668</v>
      </c>
      <c r="DA71" s="43">
        <v>10650</v>
      </c>
      <c r="DB71" s="43">
        <v>42751</v>
      </c>
      <c r="DC71" s="43">
        <v>19448</v>
      </c>
      <c r="DD71" s="43">
        <v>3387</v>
      </c>
      <c r="DE71" s="43">
        <v>5570</v>
      </c>
      <c r="DF71" s="43">
        <v>220474</v>
      </c>
      <c r="DG71" s="43">
        <v>72761444</v>
      </c>
    </row>
    <row r="72" spans="1:111" ht="10" customHeight="1">
      <c r="A72" s="142"/>
      <c r="B72" s="122" t="s">
        <v>155</v>
      </c>
      <c r="C72" s="122"/>
      <c r="D72" s="122"/>
      <c r="E72" s="122"/>
      <c r="F72" s="43">
        <v>16558437</v>
      </c>
      <c r="G72" s="43">
        <v>3627079</v>
      </c>
      <c r="H72" s="43">
        <v>1590412</v>
      </c>
      <c r="I72" s="43">
        <v>6233512</v>
      </c>
      <c r="J72" s="43">
        <v>697957</v>
      </c>
      <c r="K72" s="43">
        <v>517907</v>
      </c>
      <c r="L72" s="43">
        <v>3337327</v>
      </c>
      <c r="M72" s="43">
        <v>877896</v>
      </c>
      <c r="N72" s="43">
        <v>719070</v>
      </c>
      <c r="O72" s="43">
        <v>769777</v>
      </c>
      <c r="P72" s="43">
        <v>983222</v>
      </c>
      <c r="Q72" s="43">
        <v>2653739</v>
      </c>
      <c r="R72" s="43">
        <v>1737075</v>
      </c>
      <c r="S72" s="43">
        <v>343044</v>
      </c>
      <c r="T72" s="43">
        <v>1377441</v>
      </c>
      <c r="U72" s="43">
        <v>1519295</v>
      </c>
      <c r="V72" s="43">
        <v>2558932</v>
      </c>
      <c r="W72" s="43">
        <v>2786870</v>
      </c>
      <c r="X72" s="43">
        <v>3110006</v>
      </c>
      <c r="Y72" s="43">
        <v>598809</v>
      </c>
      <c r="Z72" s="43">
        <v>1238253</v>
      </c>
      <c r="AA72" s="43">
        <v>1443728</v>
      </c>
      <c r="AB72" s="43">
        <v>1001565</v>
      </c>
      <c r="AC72" s="43">
        <v>782344</v>
      </c>
      <c r="AD72" s="43">
        <v>669386</v>
      </c>
      <c r="AE72" s="43">
        <v>1393897</v>
      </c>
      <c r="AF72" s="43">
        <v>874602</v>
      </c>
      <c r="AG72" s="43">
        <v>1746550</v>
      </c>
      <c r="AH72" s="43">
        <v>720165</v>
      </c>
      <c r="AI72" s="43">
        <v>1569437</v>
      </c>
      <c r="AJ72" s="43">
        <v>854283</v>
      </c>
      <c r="AK72" s="43">
        <v>1723508</v>
      </c>
      <c r="AL72" s="43">
        <v>624935</v>
      </c>
      <c r="AM72" s="43">
        <v>293323</v>
      </c>
      <c r="AN72" s="43">
        <v>637957</v>
      </c>
      <c r="AO72" s="43">
        <v>523892</v>
      </c>
      <c r="AP72" s="43">
        <v>903293</v>
      </c>
      <c r="AQ72" s="43">
        <v>495414</v>
      </c>
      <c r="AR72" s="43">
        <v>395536</v>
      </c>
      <c r="AS72" s="43">
        <v>440632</v>
      </c>
      <c r="AT72" s="43">
        <v>263260</v>
      </c>
      <c r="AU72" s="43">
        <v>344985</v>
      </c>
      <c r="AV72" s="43">
        <v>216038</v>
      </c>
      <c r="AW72" s="43">
        <v>185559</v>
      </c>
      <c r="AX72" s="43">
        <v>99796</v>
      </c>
      <c r="AY72" s="43">
        <v>44356</v>
      </c>
      <c r="AZ72" s="43">
        <v>51108</v>
      </c>
      <c r="BA72" s="43">
        <v>82692</v>
      </c>
      <c r="BB72" s="43">
        <v>160179</v>
      </c>
      <c r="BC72" s="43">
        <v>371059</v>
      </c>
      <c r="BD72" s="43">
        <v>337763</v>
      </c>
      <c r="BE72" s="43">
        <v>233099</v>
      </c>
      <c r="BF72" s="43">
        <v>1881621</v>
      </c>
      <c r="BG72" s="43">
        <v>584205</v>
      </c>
      <c r="BH72" s="43">
        <v>75786227</v>
      </c>
      <c r="BI72" s="43">
        <v>66000</v>
      </c>
      <c r="BJ72" s="43">
        <v>0</v>
      </c>
      <c r="BK72" s="43">
        <v>19874</v>
      </c>
      <c r="BL72" s="43">
        <v>80974</v>
      </c>
      <c r="BM72" s="43">
        <v>36153</v>
      </c>
      <c r="BN72" s="43">
        <v>93554</v>
      </c>
      <c r="BO72" s="43">
        <v>16154</v>
      </c>
      <c r="BP72" s="43">
        <v>117954</v>
      </c>
      <c r="BQ72" s="43">
        <v>41281</v>
      </c>
      <c r="BR72" s="43">
        <v>6512</v>
      </c>
      <c r="BS72" s="43">
        <v>31530</v>
      </c>
      <c r="BT72" s="43">
        <v>117683</v>
      </c>
      <c r="BU72" s="43">
        <v>627669</v>
      </c>
      <c r="BV72" s="43">
        <v>200544</v>
      </c>
      <c r="BW72" s="43">
        <v>37007</v>
      </c>
      <c r="BX72" s="43">
        <v>277703</v>
      </c>
      <c r="BY72" s="43">
        <v>93836</v>
      </c>
      <c r="BZ72" s="43">
        <v>55627</v>
      </c>
      <c r="CA72" s="43">
        <v>297881</v>
      </c>
      <c r="CB72" s="43">
        <v>224205</v>
      </c>
      <c r="CC72" s="43">
        <v>53370</v>
      </c>
      <c r="CD72" s="43">
        <v>15958</v>
      </c>
      <c r="CE72" s="43">
        <v>13795</v>
      </c>
      <c r="CF72" s="43">
        <v>22742</v>
      </c>
      <c r="CG72" s="43">
        <v>43240</v>
      </c>
      <c r="CH72" s="43">
        <v>18952</v>
      </c>
      <c r="CI72" s="43">
        <v>25721</v>
      </c>
      <c r="CJ72" s="43">
        <v>31602</v>
      </c>
      <c r="CK72" s="43">
        <v>36542</v>
      </c>
      <c r="CL72" s="43">
        <v>140880</v>
      </c>
      <c r="CM72" s="43">
        <v>12687</v>
      </c>
      <c r="CN72" s="43">
        <v>69583</v>
      </c>
      <c r="CO72" s="43">
        <v>6458</v>
      </c>
      <c r="CP72" s="43">
        <v>51646</v>
      </c>
      <c r="CQ72" s="43">
        <v>22560</v>
      </c>
      <c r="CR72" s="43">
        <v>5456</v>
      </c>
      <c r="CS72" s="24">
        <v>1757995</v>
      </c>
      <c r="CT72" s="43">
        <v>67345</v>
      </c>
      <c r="CU72" s="43">
        <v>20738</v>
      </c>
      <c r="CV72" s="43">
        <v>68783</v>
      </c>
      <c r="CW72" s="43">
        <v>8689</v>
      </c>
      <c r="CX72" s="43">
        <v>11252</v>
      </c>
      <c r="CY72" s="43">
        <v>11603</v>
      </c>
      <c r="CZ72" s="43">
        <v>80048</v>
      </c>
      <c r="DA72" s="43">
        <v>22279</v>
      </c>
      <c r="DB72" s="43">
        <v>52603</v>
      </c>
      <c r="DC72" s="43">
        <v>33680</v>
      </c>
      <c r="DD72" s="43">
        <v>9573</v>
      </c>
      <c r="DE72" s="43">
        <v>22049</v>
      </c>
      <c r="DF72" s="43">
        <v>408642</v>
      </c>
      <c r="DG72" s="43">
        <v>78580533</v>
      </c>
    </row>
    <row r="73" spans="1:111" ht="10" customHeight="1">
      <c r="A73" s="126" t="s">
        <v>256</v>
      </c>
      <c r="B73" s="127"/>
      <c r="C73" s="127"/>
      <c r="D73" s="127"/>
      <c r="E73" s="127"/>
      <c r="F73" s="45">
        <v>44.194662600843671</v>
      </c>
      <c r="G73" s="45">
        <v>15.60554843675445</v>
      </c>
      <c r="H73" s="45">
        <v>56.921224754301882</v>
      </c>
      <c r="I73" s="45">
        <v>27.340104384800199</v>
      </c>
      <c r="J73" s="45">
        <v>76.537296222151298</v>
      </c>
      <c r="K73" s="45">
        <v>66.39501887789207</v>
      </c>
      <c r="L73" s="45">
        <v>20.899393417088636</v>
      </c>
      <c r="M73" s="45">
        <v>61.197533836485256</v>
      </c>
      <c r="N73" s="45">
        <v>96.193427398494734</v>
      </c>
      <c r="O73" s="45">
        <v>39.299975369496522</v>
      </c>
      <c r="P73" s="45">
        <v>2.7884201091171121</v>
      </c>
      <c r="Q73" s="45">
        <v>101.57298728878555</v>
      </c>
      <c r="R73" s="45">
        <v>29.100232631183161</v>
      </c>
      <c r="S73" s="45">
        <v>124.36418953870262</v>
      </c>
      <c r="T73" s="45">
        <v>60.791562256443449</v>
      </c>
      <c r="U73" s="45">
        <v>73.383629578166804</v>
      </c>
      <c r="V73" s="45">
        <v>33.613927404376774</v>
      </c>
      <c r="W73" s="45">
        <v>79.128882225841735</v>
      </c>
      <c r="X73" s="45">
        <v>49.293681017460905</v>
      </c>
      <c r="Y73" s="45">
        <v>9.6954137129507831</v>
      </c>
      <c r="Z73" s="45">
        <v>5.5304558346074186</v>
      </c>
      <c r="AA73" s="45">
        <v>30.49822333677605</v>
      </c>
      <c r="AB73" s="45">
        <v>4.1746232987363703</v>
      </c>
      <c r="AC73" s="45">
        <v>28.139110086028385</v>
      </c>
      <c r="AD73" s="45">
        <v>9.0800951625693909</v>
      </c>
      <c r="AE73" s="45">
        <v>28.771854827708548</v>
      </c>
      <c r="AF73" s="45">
        <v>35.839175561139427</v>
      </c>
      <c r="AG73" s="45">
        <v>46.107821571810135</v>
      </c>
      <c r="AH73" s="45">
        <v>48.55203564122062</v>
      </c>
      <c r="AI73" s="45">
        <v>85.186592498034429</v>
      </c>
      <c r="AJ73" s="45">
        <v>18.128424048560309</v>
      </c>
      <c r="AK73" s="45">
        <v>90.113538274781504</v>
      </c>
      <c r="AL73" s="45">
        <v>60.581013573164135</v>
      </c>
      <c r="AM73" s="45">
        <v>93.041740454689347</v>
      </c>
      <c r="AN73" s="45">
        <v>44.436331605306869</v>
      </c>
      <c r="AO73" s="45">
        <v>33.620018146734537</v>
      </c>
      <c r="AP73" s="45">
        <v>6.9517851960626809</v>
      </c>
      <c r="AQ73" s="45">
        <v>64.70864714507529</v>
      </c>
      <c r="AR73" s="45">
        <v>100.29018719746473</v>
      </c>
      <c r="AS73" s="45">
        <v>10.504954258435344</v>
      </c>
      <c r="AT73" s="45">
        <v>51.585629851468425</v>
      </c>
      <c r="AU73" s="45">
        <v>62.587381811889372</v>
      </c>
      <c r="AV73" s="45">
        <v>103.80120714902174</v>
      </c>
      <c r="AW73" s="45">
        <v>28.452256825950961</v>
      </c>
      <c r="AX73" s="45">
        <v>27.36179517014136</v>
      </c>
      <c r="AY73" s="45">
        <v>89.3621990657564</v>
      </c>
      <c r="AZ73" s="45">
        <v>277.49882331734381</v>
      </c>
      <c r="BA73" s="45">
        <v>132.54910818559597</v>
      </c>
      <c r="BB73" s="45">
        <v>55.249746529496285</v>
      </c>
      <c r="BC73" s="45">
        <v>121.63682953995897</v>
      </c>
      <c r="BD73" s="45">
        <v>95.435483541255124</v>
      </c>
      <c r="BE73" s="45">
        <v>101.5186059636124</v>
      </c>
      <c r="BF73" s="45">
        <v>35.661700286617332</v>
      </c>
      <c r="BG73" s="45">
        <v>63.574344622178863</v>
      </c>
      <c r="BH73" s="45">
        <v>0</v>
      </c>
      <c r="BI73" s="45">
        <v>19.390554157961315</v>
      </c>
      <c r="BJ73" s="45" t="s">
        <v>321</v>
      </c>
      <c r="BK73" s="45">
        <v>32.46089953167801</v>
      </c>
      <c r="BL73" s="45">
        <v>139.97262466151264</v>
      </c>
      <c r="BM73" s="45">
        <v>250.79915686046709</v>
      </c>
      <c r="BN73" s="45">
        <v>80.820744538382257</v>
      </c>
      <c r="BO73" s="45">
        <v>135.40450455657668</v>
      </c>
      <c r="BP73" s="45">
        <v>139.75926171512378</v>
      </c>
      <c r="BQ73" s="45">
        <v>261.1925657559151</v>
      </c>
      <c r="BR73" s="45">
        <v>32.84049665711558</v>
      </c>
      <c r="BS73" s="45">
        <v>41.730554840922736</v>
      </c>
      <c r="BT73" s="45">
        <v>264.74813506940802</v>
      </c>
      <c r="BU73" s="45">
        <v>0</v>
      </c>
      <c r="BV73" s="45">
        <v>51.483363537416061</v>
      </c>
      <c r="BW73" s="45">
        <v>123.32220872231022</v>
      </c>
      <c r="BX73" s="45">
        <v>115.51857061305681</v>
      </c>
      <c r="BY73" s="45">
        <v>124.02363596200576</v>
      </c>
      <c r="BZ73" s="45">
        <v>76.570974780077862</v>
      </c>
      <c r="CA73" s="45">
        <v>143.57913084068062</v>
      </c>
      <c r="CB73" s="45">
        <v>173.48746715518797</v>
      </c>
      <c r="CC73" s="45">
        <v>121.75037635144385</v>
      </c>
      <c r="CD73" s="45">
        <v>199.13696060037523</v>
      </c>
      <c r="CE73" s="45">
        <v>80.837437098032879</v>
      </c>
      <c r="CF73" s="45">
        <v>207.91726105563478</v>
      </c>
      <c r="CG73" s="45">
        <v>151.7003279820473</v>
      </c>
      <c r="CH73" s="45">
        <v>147.24477127303985</v>
      </c>
      <c r="CI73" s="45">
        <v>0</v>
      </c>
      <c r="CJ73" s="45">
        <v>158.02344831592299</v>
      </c>
      <c r="CK73" s="45">
        <v>127.39644174895059</v>
      </c>
      <c r="CL73" s="45">
        <v>85.738884985897116</v>
      </c>
      <c r="CM73" s="45">
        <v>170.21963717849434</v>
      </c>
      <c r="CN73" s="45">
        <v>277.70346227567182</v>
      </c>
      <c r="CO73" s="45">
        <v>194.12127440904416</v>
      </c>
      <c r="CP73" s="45">
        <v>97.858704187092798</v>
      </c>
      <c r="CQ73" s="45">
        <v>173.01838885896748</v>
      </c>
      <c r="CR73" s="45">
        <v>182.20371071563804</v>
      </c>
      <c r="CS73" s="45">
        <v>0</v>
      </c>
      <c r="CT73" s="45">
        <v>41.229513709840155</v>
      </c>
      <c r="CU73" s="45">
        <v>14.599032188169584</v>
      </c>
      <c r="CV73" s="45">
        <v>19.755748232793806</v>
      </c>
      <c r="CW73" s="45">
        <v>0</v>
      </c>
      <c r="CX73" s="45">
        <v>62.26012793176973</v>
      </c>
      <c r="CY73" s="45">
        <v>19.739948674080409</v>
      </c>
      <c r="CZ73" s="45">
        <v>39.91649623279325</v>
      </c>
      <c r="DA73" s="45">
        <v>11.169652265542677</v>
      </c>
      <c r="DB73" s="45">
        <v>36.309367180042834</v>
      </c>
      <c r="DC73" s="45">
        <v>17.72170151405912</v>
      </c>
      <c r="DD73" s="45">
        <v>27.182511146267796</v>
      </c>
      <c r="DE73" s="45">
        <v>9.3648156721769862</v>
      </c>
      <c r="DF73" s="45">
        <v>0</v>
      </c>
      <c r="DG73" s="45"/>
    </row>
  </sheetData>
  <mergeCells count="64">
    <mergeCell ref="A73:E73"/>
    <mergeCell ref="A56:C58"/>
    <mergeCell ref="D56:E56"/>
    <mergeCell ref="D57:E57"/>
    <mergeCell ref="D58:E58"/>
    <mergeCell ref="B59:C63"/>
    <mergeCell ref="D59:E59"/>
    <mergeCell ref="D60:E60"/>
    <mergeCell ref="D61:E61"/>
    <mergeCell ref="D62:E62"/>
    <mergeCell ref="D63:E63"/>
    <mergeCell ref="A59:A72"/>
    <mergeCell ref="B65:B70"/>
    <mergeCell ref="B71:E71"/>
    <mergeCell ref="B72:E72"/>
    <mergeCell ref="C66:D70"/>
    <mergeCell ref="B64:E64"/>
    <mergeCell ref="B25:B27"/>
    <mergeCell ref="C25:E25"/>
    <mergeCell ref="C26:E26"/>
    <mergeCell ref="C27:E27"/>
    <mergeCell ref="A36:E36"/>
    <mergeCell ref="B37:C38"/>
    <mergeCell ref="D37:E37"/>
    <mergeCell ref="D38:E38"/>
    <mergeCell ref="A39:A41"/>
    <mergeCell ref="B39:E39"/>
    <mergeCell ref="B40:E40"/>
    <mergeCell ref="B41:E41"/>
    <mergeCell ref="A42:E42"/>
    <mergeCell ref="A43:E43"/>
    <mergeCell ref="D44:E44"/>
    <mergeCell ref="A28:A35"/>
    <mergeCell ref="B28:E28"/>
    <mergeCell ref="B29:E29"/>
    <mergeCell ref="B30:D31"/>
    <mergeCell ref="B32:E32"/>
    <mergeCell ref="C33:E33"/>
    <mergeCell ref="C34:E34"/>
    <mergeCell ref="B35:E35"/>
    <mergeCell ref="A1:E3"/>
    <mergeCell ref="A4:E4"/>
    <mergeCell ref="A5:E5"/>
    <mergeCell ref="A6:E6"/>
    <mergeCell ref="A7:E7"/>
    <mergeCell ref="A8:E8"/>
    <mergeCell ref="A21:E21"/>
    <mergeCell ref="B22:B24"/>
    <mergeCell ref="C22:E22"/>
    <mergeCell ref="C23:E23"/>
    <mergeCell ref="C24:E24"/>
    <mergeCell ref="A9:A20"/>
    <mergeCell ref="D45:E45"/>
    <mergeCell ref="D46:E46"/>
    <mergeCell ref="A44:C55"/>
    <mergeCell ref="D52:E52"/>
    <mergeCell ref="D53:E53"/>
    <mergeCell ref="D47:E47"/>
    <mergeCell ref="D48:E48"/>
    <mergeCell ref="D49:E49"/>
    <mergeCell ref="D50:E50"/>
    <mergeCell ref="D51:E51"/>
    <mergeCell ref="D54:E54"/>
    <mergeCell ref="D55:E55"/>
  </mergeCells>
  <phoneticPr fontId="2"/>
  <conditionalFormatting sqref="BI4:BT6 F4:BH43 BI7:BU43 F44:DG58 BI59:BU63 F59:BH73 BI64:BT64 BI65:BU73">
    <cfRule type="cellIs" dxfId="5" priority="82" stopIfTrue="1" operator="equal">
      <formula>0</formula>
    </cfRule>
  </conditionalFormatting>
  <conditionalFormatting sqref="BU4:DG43 BU59:DG73">
    <cfRule type="cellIs" dxfId="4" priority="1" stopIfTrue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firstPageNumber="166" fitToWidth="0" orientation="portrait" useFirstPageNumber="1" r:id="rId1"/>
  <headerFooter scaleWithDoc="0">
    <oddHeader>&amp;L&amp;"ＭＳ ゴシック,標準"Ⅳ　令和６年度地方公営企業事業別決算状況
　４　下水道事業
　　（１）法適用事業（公共・特環・農集・特排）&amp;R&amp;"ＭＳ ゴシック,標準"
&amp;A</oddHeader>
    <oddFooter>&amp;C&amp;"ＭＳ ゴシック,標準"&amp;9&amp;P</oddFooter>
  </headerFooter>
  <colBreaks count="6" manualBreakCount="6">
    <brk id="17" max="1048575" man="1"/>
    <brk id="29" max="1048575" man="1"/>
    <brk id="47" max="72" man="1"/>
    <brk id="53" max="1048575" man="1"/>
    <brk id="65" max="72" man="1"/>
    <brk id="71" max="1048575" man="1"/>
  </colBreaks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5"/>
  <dimension ref="A1:DJ67"/>
  <sheetViews>
    <sheetView view="pageBreakPreview" zoomScaleNormal="115" zoomScaleSheetLayoutView="100" workbookViewId="0">
      <selection sqref="A1:C3"/>
    </sheetView>
  </sheetViews>
  <sheetFormatPr defaultColWidth="9.58203125" defaultRowHeight="10" customHeight="1"/>
  <cols>
    <col min="1" max="2" width="1.58203125" style="13" customWidth="1"/>
    <col min="3" max="3" width="18.5" style="13" customWidth="1"/>
    <col min="4" max="109" width="9.58203125" style="13" customWidth="1"/>
    <col min="110" max="113" width="9.58203125" style="51" customWidth="1"/>
    <col min="114" max="114" width="9.58203125" style="51"/>
    <col min="115" max="16384" width="9.58203125" style="13"/>
  </cols>
  <sheetData>
    <row r="1" spans="1:109" ht="10" customHeight="1">
      <c r="A1" s="102" t="s">
        <v>150</v>
      </c>
      <c r="B1" s="103"/>
      <c r="C1" s="104"/>
      <c r="D1" s="8" t="s">
        <v>229</v>
      </c>
      <c r="E1" s="8" t="s">
        <v>230</v>
      </c>
      <c r="F1" s="8" t="s">
        <v>258</v>
      </c>
      <c r="G1" s="8" t="s">
        <v>259</v>
      </c>
      <c r="H1" s="8" t="s">
        <v>260</v>
      </c>
      <c r="I1" s="8" t="s">
        <v>261</v>
      </c>
      <c r="J1" s="8" t="s">
        <v>231</v>
      </c>
      <c r="K1" s="8" t="s">
        <v>262</v>
      </c>
      <c r="L1" s="8" t="s">
        <v>232</v>
      </c>
      <c r="M1" s="8" t="s">
        <v>233</v>
      </c>
      <c r="N1" s="8" t="s">
        <v>263</v>
      </c>
      <c r="O1" s="8" t="s">
        <v>234</v>
      </c>
      <c r="P1" s="8" t="s">
        <v>235</v>
      </c>
      <c r="Q1" s="8" t="s">
        <v>264</v>
      </c>
      <c r="R1" s="8" t="s">
        <v>236</v>
      </c>
      <c r="S1" s="8" t="s">
        <v>237</v>
      </c>
      <c r="T1" s="8" t="s">
        <v>265</v>
      </c>
      <c r="U1" s="8" t="s">
        <v>266</v>
      </c>
      <c r="V1" s="8" t="s">
        <v>267</v>
      </c>
      <c r="W1" s="8" t="s">
        <v>268</v>
      </c>
      <c r="X1" s="8" t="s">
        <v>238</v>
      </c>
      <c r="Y1" s="8" t="s">
        <v>239</v>
      </c>
      <c r="Z1" s="8" t="s">
        <v>269</v>
      </c>
      <c r="AA1" s="8" t="s">
        <v>240</v>
      </c>
      <c r="AB1" s="8" t="s">
        <v>241</v>
      </c>
      <c r="AC1" s="8" t="s">
        <v>270</v>
      </c>
      <c r="AD1" s="8" t="s">
        <v>271</v>
      </c>
      <c r="AE1" s="8" t="s">
        <v>272</v>
      </c>
      <c r="AF1" s="8" t="s">
        <v>318</v>
      </c>
      <c r="AG1" s="8" t="s">
        <v>273</v>
      </c>
      <c r="AH1" s="8" t="s">
        <v>242</v>
      </c>
      <c r="AI1" s="8" t="s">
        <v>274</v>
      </c>
      <c r="AJ1" s="8" t="s">
        <v>275</v>
      </c>
      <c r="AK1" s="8" t="s">
        <v>276</v>
      </c>
      <c r="AL1" s="8" t="s">
        <v>243</v>
      </c>
      <c r="AM1" s="8" t="s">
        <v>277</v>
      </c>
      <c r="AN1" s="8" t="s">
        <v>245</v>
      </c>
      <c r="AO1" s="8" t="s">
        <v>319</v>
      </c>
      <c r="AP1" s="8" t="s">
        <v>278</v>
      </c>
      <c r="AQ1" s="8" t="s">
        <v>279</v>
      </c>
      <c r="AR1" s="8" t="s">
        <v>282</v>
      </c>
      <c r="AS1" s="8" t="s">
        <v>283</v>
      </c>
      <c r="AT1" s="8" t="s">
        <v>284</v>
      </c>
      <c r="AU1" s="8" t="s">
        <v>285</v>
      </c>
      <c r="AV1" s="8" t="s">
        <v>286</v>
      </c>
      <c r="AW1" s="8" t="s">
        <v>292</v>
      </c>
      <c r="AX1" s="8" t="s">
        <v>293</v>
      </c>
      <c r="AY1" s="8" t="s">
        <v>244</v>
      </c>
      <c r="AZ1" s="8" t="s">
        <v>294</v>
      </c>
      <c r="BA1" s="8" t="s">
        <v>295</v>
      </c>
      <c r="BB1" s="8" t="s">
        <v>296</v>
      </c>
      <c r="BC1" s="9" t="s">
        <v>297</v>
      </c>
      <c r="BD1" s="8" t="s">
        <v>332</v>
      </c>
      <c r="BE1" s="10" t="s">
        <v>333</v>
      </c>
      <c r="BF1" s="8" t="s">
        <v>335</v>
      </c>
      <c r="BG1" s="8" t="s">
        <v>262</v>
      </c>
      <c r="BH1" s="8" t="s">
        <v>234</v>
      </c>
      <c r="BI1" s="8" t="s">
        <v>270</v>
      </c>
      <c r="BJ1" s="8" t="s">
        <v>242</v>
      </c>
      <c r="BK1" s="8" t="s">
        <v>275</v>
      </c>
      <c r="BL1" s="8" t="s">
        <v>279</v>
      </c>
      <c r="BM1" s="8" t="s">
        <v>286</v>
      </c>
      <c r="BN1" s="8" t="s">
        <v>289</v>
      </c>
      <c r="BO1" s="8" t="s">
        <v>293</v>
      </c>
      <c r="BP1" s="8" t="s">
        <v>244</v>
      </c>
      <c r="BQ1" s="8" t="s">
        <v>296</v>
      </c>
      <c r="BR1" s="8" t="s">
        <v>334</v>
      </c>
      <c r="BS1" s="8" t="s">
        <v>335</v>
      </c>
      <c r="BT1" s="8" t="s">
        <v>258</v>
      </c>
      <c r="BU1" s="8" t="s">
        <v>261</v>
      </c>
      <c r="BV1" s="8" t="s">
        <v>232</v>
      </c>
      <c r="BW1" s="8" t="s">
        <v>233</v>
      </c>
      <c r="BX1" s="8" t="s">
        <v>236</v>
      </c>
      <c r="BY1" s="8" t="s">
        <v>237</v>
      </c>
      <c r="BZ1" s="8" t="s">
        <v>272</v>
      </c>
      <c r="CA1" s="8" t="s">
        <v>275</v>
      </c>
      <c r="CB1" s="8" t="s">
        <v>276</v>
      </c>
      <c r="CC1" s="8" t="s">
        <v>243</v>
      </c>
      <c r="CD1" s="8" t="s">
        <v>277</v>
      </c>
      <c r="CE1" s="8" t="s">
        <v>319</v>
      </c>
      <c r="CF1" s="8" t="s">
        <v>280</v>
      </c>
      <c r="CG1" s="8" t="s">
        <v>281</v>
      </c>
      <c r="CH1" s="8" t="s">
        <v>282</v>
      </c>
      <c r="CI1" s="8" t="s">
        <v>284</v>
      </c>
      <c r="CJ1" s="8" t="s">
        <v>286</v>
      </c>
      <c r="CK1" s="8" t="s">
        <v>287</v>
      </c>
      <c r="CL1" s="8" t="s">
        <v>292</v>
      </c>
      <c r="CM1" s="8" t="s">
        <v>244</v>
      </c>
      <c r="CN1" s="8" t="s">
        <v>294</v>
      </c>
      <c r="CO1" s="8" t="s">
        <v>295</v>
      </c>
      <c r="CP1" s="8" t="s">
        <v>297</v>
      </c>
      <c r="CQ1" s="8" t="s">
        <v>331</v>
      </c>
      <c r="CR1" s="8" t="s">
        <v>261</v>
      </c>
      <c r="CS1" s="8" t="s">
        <v>282</v>
      </c>
      <c r="CT1" s="8" t="s">
        <v>283</v>
      </c>
      <c r="CU1" s="8" t="s">
        <v>284</v>
      </c>
      <c r="CV1" s="8" t="s">
        <v>286</v>
      </c>
      <c r="CW1" s="8" t="s">
        <v>287</v>
      </c>
      <c r="CX1" s="8" t="s">
        <v>288</v>
      </c>
      <c r="CY1" s="8" t="s">
        <v>289</v>
      </c>
      <c r="CZ1" s="8" t="s">
        <v>290</v>
      </c>
      <c r="DA1" s="8" t="s">
        <v>291</v>
      </c>
      <c r="DB1" s="8" t="s">
        <v>294</v>
      </c>
      <c r="DC1" s="11" t="s">
        <v>334</v>
      </c>
      <c r="DD1" s="8" t="s">
        <v>335</v>
      </c>
      <c r="DE1" s="8" t="s">
        <v>215</v>
      </c>
    </row>
    <row r="2" spans="1:109" ht="10" customHeight="1">
      <c r="A2" s="105"/>
      <c r="B2" s="106"/>
      <c r="C2" s="107"/>
      <c r="D2" s="14"/>
      <c r="E2" s="14"/>
      <c r="F2" s="14"/>
      <c r="G2" s="14"/>
      <c r="H2" s="14"/>
      <c r="I2" s="14"/>
      <c r="J2" s="14"/>
      <c r="K2" s="14"/>
      <c r="L2" s="14"/>
      <c r="M2" s="14"/>
      <c r="N2" s="14"/>
      <c r="O2" s="14"/>
      <c r="P2" s="14"/>
      <c r="Q2" s="14"/>
      <c r="R2" s="14"/>
      <c r="S2" s="14"/>
      <c r="T2" s="14"/>
      <c r="U2" s="14"/>
      <c r="V2" s="14"/>
      <c r="W2" s="14"/>
      <c r="X2" s="14"/>
      <c r="Y2" s="14"/>
      <c r="Z2" s="14"/>
      <c r="AA2" s="14"/>
      <c r="AB2" s="14"/>
      <c r="AC2" s="14"/>
      <c r="AD2" s="14"/>
      <c r="AE2" s="14"/>
      <c r="AF2" s="14"/>
      <c r="AG2" s="14"/>
      <c r="AH2" s="14"/>
      <c r="AI2" s="14"/>
      <c r="AJ2" s="14"/>
      <c r="AK2" s="14"/>
      <c r="AL2" s="14"/>
      <c r="AM2" s="14"/>
      <c r="AN2" s="14"/>
      <c r="AO2" s="14"/>
      <c r="AP2" s="14"/>
      <c r="AQ2" s="14"/>
      <c r="AR2" s="14"/>
      <c r="AS2" s="14"/>
      <c r="AT2" s="14"/>
      <c r="AU2" s="14"/>
      <c r="AV2" s="14"/>
      <c r="AW2" s="14"/>
      <c r="AX2" s="14"/>
      <c r="AY2" s="14"/>
      <c r="AZ2" s="14"/>
      <c r="BA2" s="14"/>
      <c r="BB2" s="14"/>
      <c r="BC2" s="15"/>
      <c r="BD2" s="14" t="s">
        <v>330</v>
      </c>
      <c r="BE2" s="16" t="s">
        <v>315</v>
      </c>
      <c r="BF2" s="14"/>
      <c r="BG2" s="14"/>
      <c r="BH2" s="14"/>
      <c r="BI2" s="14"/>
      <c r="BJ2" s="14"/>
      <c r="BK2" s="14"/>
      <c r="BL2" s="14"/>
      <c r="BM2" s="14"/>
      <c r="BN2" s="14"/>
      <c r="BO2" s="14"/>
      <c r="BP2" s="14"/>
      <c r="BQ2" s="14"/>
      <c r="BR2" s="14" t="s">
        <v>257</v>
      </c>
      <c r="BS2" s="14"/>
      <c r="BT2" s="14"/>
      <c r="BU2" s="14"/>
      <c r="BV2" s="14"/>
      <c r="BW2" s="14"/>
      <c r="BX2" s="14"/>
      <c r="BY2" s="14"/>
      <c r="BZ2" s="14"/>
      <c r="CA2" s="14"/>
      <c r="CB2" s="14"/>
      <c r="CC2" s="14"/>
      <c r="CD2" s="14"/>
      <c r="CE2" s="14"/>
      <c r="CF2" s="14"/>
      <c r="CG2" s="14"/>
      <c r="CH2" s="14"/>
      <c r="CI2" s="14"/>
      <c r="CJ2" s="14"/>
      <c r="CK2" s="14"/>
      <c r="CL2" s="14"/>
      <c r="CM2" s="14"/>
      <c r="CN2" s="14"/>
      <c r="CO2" s="14"/>
      <c r="CP2" s="14"/>
      <c r="CQ2" s="14"/>
      <c r="CR2" s="14"/>
      <c r="CS2" s="14"/>
      <c r="CT2" s="14"/>
      <c r="CU2" s="14"/>
      <c r="CV2" s="14"/>
      <c r="CW2" s="14"/>
      <c r="CX2" s="14"/>
      <c r="CY2" s="14"/>
      <c r="CZ2" s="14"/>
      <c r="DA2" s="14"/>
      <c r="DB2" s="14"/>
      <c r="DC2" s="17" t="s">
        <v>329</v>
      </c>
      <c r="DD2" s="14"/>
      <c r="DE2" s="14"/>
    </row>
    <row r="3" spans="1:109" ht="10" customHeight="1">
      <c r="A3" s="108"/>
      <c r="B3" s="109"/>
      <c r="C3" s="110"/>
      <c r="D3" s="18" t="s">
        <v>46</v>
      </c>
      <c r="E3" s="18" t="s">
        <v>46</v>
      </c>
      <c r="F3" s="18" t="s">
        <v>46</v>
      </c>
      <c r="G3" s="18" t="s">
        <v>46</v>
      </c>
      <c r="H3" s="18" t="s">
        <v>46</v>
      </c>
      <c r="I3" s="18" t="s">
        <v>46</v>
      </c>
      <c r="J3" s="18" t="s">
        <v>46</v>
      </c>
      <c r="K3" s="18" t="s">
        <v>46</v>
      </c>
      <c r="L3" s="18" t="s">
        <v>46</v>
      </c>
      <c r="M3" s="18" t="s">
        <v>46</v>
      </c>
      <c r="N3" s="18" t="s">
        <v>46</v>
      </c>
      <c r="O3" s="18" t="s">
        <v>46</v>
      </c>
      <c r="P3" s="18" t="s">
        <v>46</v>
      </c>
      <c r="Q3" s="18" t="s">
        <v>46</v>
      </c>
      <c r="R3" s="18" t="s">
        <v>46</v>
      </c>
      <c r="S3" s="18" t="s">
        <v>46</v>
      </c>
      <c r="T3" s="18" t="s">
        <v>46</v>
      </c>
      <c r="U3" s="18" t="s">
        <v>46</v>
      </c>
      <c r="V3" s="18" t="s">
        <v>46</v>
      </c>
      <c r="W3" s="18" t="s">
        <v>46</v>
      </c>
      <c r="X3" s="18" t="s">
        <v>46</v>
      </c>
      <c r="Y3" s="18" t="s">
        <v>46</v>
      </c>
      <c r="Z3" s="18" t="s">
        <v>46</v>
      </c>
      <c r="AA3" s="18" t="s">
        <v>46</v>
      </c>
      <c r="AB3" s="18" t="s">
        <v>46</v>
      </c>
      <c r="AC3" s="18" t="s">
        <v>46</v>
      </c>
      <c r="AD3" s="18" t="s">
        <v>46</v>
      </c>
      <c r="AE3" s="18" t="s">
        <v>46</v>
      </c>
      <c r="AF3" s="18" t="s">
        <v>46</v>
      </c>
      <c r="AG3" s="18" t="s">
        <v>46</v>
      </c>
      <c r="AH3" s="18" t="s">
        <v>46</v>
      </c>
      <c r="AI3" s="18" t="s">
        <v>46</v>
      </c>
      <c r="AJ3" s="18" t="s">
        <v>46</v>
      </c>
      <c r="AK3" s="18" t="s">
        <v>46</v>
      </c>
      <c r="AL3" s="18" t="s">
        <v>46</v>
      </c>
      <c r="AM3" s="18" t="s">
        <v>46</v>
      </c>
      <c r="AN3" s="18" t="s">
        <v>46</v>
      </c>
      <c r="AO3" s="18" t="s">
        <v>46</v>
      </c>
      <c r="AP3" s="18" t="s">
        <v>46</v>
      </c>
      <c r="AQ3" s="18" t="s">
        <v>46</v>
      </c>
      <c r="AR3" s="18" t="s">
        <v>325</v>
      </c>
      <c r="AS3" s="18" t="s">
        <v>46</v>
      </c>
      <c r="AT3" s="18" t="s">
        <v>46</v>
      </c>
      <c r="AU3" s="18" t="s">
        <v>46</v>
      </c>
      <c r="AV3" s="18" t="s">
        <v>325</v>
      </c>
      <c r="AW3" s="18" t="s">
        <v>46</v>
      </c>
      <c r="AX3" s="18" t="s">
        <v>46</v>
      </c>
      <c r="AY3" s="18" t="s">
        <v>46</v>
      </c>
      <c r="AZ3" s="18" t="s">
        <v>46</v>
      </c>
      <c r="BA3" s="18" t="s">
        <v>46</v>
      </c>
      <c r="BB3" s="18" t="s">
        <v>46</v>
      </c>
      <c r="BC3" s="18" t="s">
        <v>46</v>
      </c>
      <c r="BD3" s="18" t="s">
        <v>46</v>
      </c>
      <c r="BE3" s="18" t="s">
        <v>46</v>
      </c>
      <c r="BF3" s="18" t="s">
        <v>46</v>
      </c>
      <c r="BG3" s="18" t="s">
        <v>151</v>
      </c>
      <c r="BH3" s="18" t="s">
        <v>151</v>
      </c>
      <c r="BI3" s="18" t="s">
        <v>151</v>
      </c>
      <c r="BJ3" s="18" t="s">
        <v>316</v>
      </c>
      <c r="BK3" s="18" t="s">
        <v>316</v>
      </c>
      <c r="BL3" s="18" t="s">
        <v>324</v>
      </c>
      <c r="BM3" s="18" t="s">
        <v>324</v>
      </c>
      <c r="BN3" s="18" t="s">
        <v>151</v>
      </c>
      <c r="BO3" s="18" t="s">
        <v>151</v>
      </c>
      <c r="BP3" s="18" t="s">
        <v>151</v>
      </c>
      <c r="BQ3" s="18" t="s">
        <v>151</v>
      </c>
      <c r="BR3" s="18" t="s">
        <v>151</v>
      </c>
      <c r="BS3" s="18" t="s">
        <v>157</v>
      </c>
      <c r="BT3" s="18" t="s">
        <v>152</v>
      </c>
      <c r="BU3" s="18" t="s">
        <v>320</v>
      </c>
      <c r="BV3" s="18" t="s">
        <v>152</v>
      </c>
      <c r="BW3" s="18" t="s">
        <v>152</v>
      </c>
      <c r="BX3" s="18" t="s">
        <v>320</v>
      </c>
      <c r="BY3" s="18" t="s">
        <v>320</v>
      </c>
      <c r="BZ3" s="18" t="s">
        <v>320</v>
      </c>
      <c r="CA3" s="18" t="s">
        <v>320</v>
      </c>
      <c r="CB3" s="18" t="s">
        <v>320</v>
      </c>
      <c r="CC3" s="18" t="s">
        <v>320</v>
      </c>
      <c r="CD3" s="18" t="s">
        <v>320</v>
      </c>
      <c r="CE3" s="18" t="s">
        <v>320</v>
      </c>
      <c r="CF3" s="18" t="s">
        <v>320</v>
      </c>
      <c r="CG3" s="18" t="s">
        <v>320</v>
      </c>
      <c r="CH3" s="18" t="s">
        <v>320</v>
      </c>
      <c r="CI3" s="18" t="s">
        <v>320</v>
      </c>
      <c r="CJ3" s="18" t="s">
        <v>320</v>
      </c>
      <c r="CK3" s="18" t="s">
        <v>320</v>
      </c>
      <c r="CL3" s="18" t="s">
        <v>320</v>
      </c>
      <c r="CM3" s="18" t="s">
        <v>320</v>
      </c>
      <c r="CN3" s="18" t="s">
        <v>320</v>
      </c>
      <c r="CO3" s="18" t="s">
        <v>320</v>
      </c>
      <c r="CP3" s="18" t="s">
        <v>320</v>
      </c>
      <c r="CQ3" s="18" t="s">
        <v>152</v>
      </c>
      <c r="CR3" s="18" t="s">
        <v>323</v>
      </c>
      <c r="CS3" s="18" t="s">
        <v>323</v>
      </c>
      <c r="CT3" s="18" t="s">
        <v>323</v>
      </c>
      <c r="CU3" s="18" t="s">
        <v>323</v>
      </c>
      <c r="CV3" s="18" t="s">
        <v>323</v>
      </c>
      <c r="CW3" s="18" t="s">
        <v>323</v>
      </c>
      <c r="CX3" s="18" t="s">
        <v>323</v>
      </c>
      <c r="CY3" s="18" t="s">
        <v>323</v>
      </c>
      <c r="CZ3" s="18" t="s">
        <v>323</v>
      </c>
      <c r="DA3" s="18" t="s">
        <v>323</v>
      </c>
      <c r="DB3" s="18" t="s">
        <v>323</v>
      </c>
      <c r="DC3" s="18" t="s">
        <v>328</v>
      </c>
      <c r="DD3" s="18" t="s">
        <v>323</v>
      </c>
      <c r="DE3" s="18"/>
    </row>
    <row r="4" spans="1:109" ht="10" customHeight="1">
      <c r="A4" s="147" t="s">
        <v>49</v>
      </c>
      <c r="B4" s="148"/>
      <c r="C4" s="149"/>
      <c r="D4" s="46">
        <v>24994410</v>
      </c>
      <c r="E4" s="1">
        <v>5844796</v>
      </c>
      <c r="F4" s="1">
        <v>3665791</v>
      </c>
      <c r="G4" s="1">
        <v>10689604</v>
      </c>
      <c r="H4" s="1">
        <v>1635392</v>
      </c>
      <c r="I4" s="1">
        <v>1059632</v>
      </c>
      <c r="J4" s="1">
        <v>5764378</v>
      </c>
      <c r="K4" s="1">
        <v>2015675</v>
      </c>
      <c r="L4" s="1">
        <v>1632073</v>
      </c>
      <c r="M4" s="1">
        <v>1838246</v>
      </c>
      <c r="N4" s="1">
        <v>2381881</v>
      </c>
      <c r="O4" s="1">
        <v>4747916</v>
      </c>
      <c r="P4" s="1">
        <v>3311523</v>
      </c>
      <c r="Q4" s="1">
        <v>1166275</v>
      </c>
      <c r="R4" s="1">
        <v>2470400</v>
      </c>
      <c r="S4" s="1">
        <v>2466292</v>
      </c>
      <c r="T4" s="1">
        <v>3480824</v>
      </c>
      <c r="U4" s="1">
        <v>5550575</v>
      </c>
      <c r="V4" s="1">
        <v>6327694</v>
      </c>
      <c r="W4" s="1">
        <v>1517110</v>
      </c>
      <c r="X4" s="1">
        <v>2337807</v>
      </c>
      <c r="Y4" s="1">
        <v>2256460</v>
      </c>
      <c r="Z4" s="1">
        <v>1989417</v>
      </c>
      <c r="AA4" s="1">
        <v>1831662</v>
      </c>
      <c r="AB4" s="1">
        <v>1147985</v>
      </c>
      <c r="AC4" s="1">
        <v>3358451</v>
      </c>
      <c r="AD4" s="1">
        <v>1703026</v>
      </c>
      <c r="AE4" s="1">
        <v>3749471</v>
      </c>
      <c r="AF4" s="1">
        <v>1087303</v>
      </c>
      <c r="AG4" s="1">
        <v>2829881</v>
      </c>
      <c r="AH4" s="1">
        <v>1502480</v>
      </c>
      <c r="AI4" s="1">
        <v>2949464</v>
      </c>
      <c r="AJ4" s="1">
        <v>920557</v>
      </c>
      <c r="AK4" s="1">
        <v>703760</v>
      </c>
      <c r="AL4" s="1">
        <v>1206999</v>
      </c>
      <c r="AM4" s="1">
        <v>1573959</v>
      </c>
      <c r="AN4" s="1">
        <v>1679316</v>
      </c>
      <c r="AO4" s="1">
        <v>909702</v>
      </c>
      <c r="AP4" s="1">
        <v>883652</v>
      </c>
      <c r="AQ4" s="1">
        <v>543889</v>
      </c>
      <c r="AR4" s="1">
        <v>335420</v>
      </c>
      <c r="AS4" s="1">
        <v>516378</v>
      </c>
      <c r="AT4" s="1">
        <v>579898</v>
      </c>
      <c r="AU4" s="1">
        <v>474438</v>
      </c>
      <c r="AV4" s="1">
        <v>333868</v>
      </c>
      <c r="AW4" s="1">
        <v>116657</v>
      </c>
      <c r="AX4" s="1">
        <v>64016</v>
      </c>
      <c r="AY4" s="1">
        <v>251042</v>
      </c>
      <c r="AZ4" s="1">
        <v>474040</v>
      </c>
      <c r="BA4" s="1">
        <v>1064901</v>
      </c>
      <c r="BB4" s="1">
        <v>891034</v>
      </c>
      <c r="BC4" s="1">
        <v>508789</v>
      </c>
      <c r="BD4" s="1">
        <v>3935158</v>
      </c>
      <c r="BE4" s="1">
        <v>1631297</v>
      </c>
      <c r="BF4" s="1">
        <v>138902664</v>
      </c>
      <c r="BG4" s="1">
        <v>80101</v>
      </c>
      <c r="BH4" s="1">
        <v>0</v>
      </c>
      <c r="BI4" s="1">
        <v>33084</v>
      </c>
      <c r="BJ4" s="1">
        <v>229298</v>
      </c>
      <c r="BK4" s="1">
        <v>114000</v>
      </c>
      <c r="BL4" s="1">
        <v>207642</v>
      </c>
      <c r="BM4" s="1">
        <v>113963</v>
      </c>
      <c r="BN4" s="1">
        <v>298651</v>
      </c>
      <c r="BO4" s="1">
        <v>77308</v>
      </c>
      <c r="BP4" s="1">
        <v>24873</v>
      </c>
      <c r="BQ4" s="1">
        <v>101030</v>
      </c>
      <c r="BR4" s="1">
        <v>484649</v>
      </c>
      <c r="BS4" s="1">
        <v>1764599</v>
      </c>
      <c r="BT4" s="1">
        <v>566861</v>
      </c>
      <c r="BU4" s="1">
        <v>164137</v>
      </c>
      <c r="BV4" s="1">
        <v>763356</v>
      </c>
      <c r="BW4" s="1">
        <v>187504</v>
      </c>
      <c r="BX4" s="1">
        <v>176819</v>
      </c>
      <c r="BY4" s="1">
        <v>788315</v>
      </c>
      <c r="BZ4" s="1">
        <v>610292</v>
      </c>
      <c r="CA4" s="1">
        <v>165311</v>
      </c>
      <c r="CB4" s="1">
        <v>34796</v>
      </c>
      <c r="CC4" s="1">
        <v>44575</v>
      </c>
      <c r="CD4" s="1">
        <v>55739</v>
      </c>
      <c r="CE4" s="1">
        <v>91726</v>
      </c>
      <c r="CF4" s="1">
        <v>40714</v>
      </c>
      <c r="CG4" s="1">
        <v>60190</v>
      </c>
      <c r="CH4" s="1">
        <v>102752</v>
      </c>
      <c r="CI4" s="1">
        <v>119335</v>
      </c>
      <c r="CJ4" s="1">
        <v>413650</v>
      </c>
      <c r="CK4" s="1">
        <v>73047</v>
      </c>
      <c r="CL4" s="1">
        <v>261027</v>
      </c>
      <c r="CM4" s="1">
        <v>11824</v>
      </c>
      <c r="CN4" s="1">
        <v>121017</v>
      </c>
      <c r="CO4" s="1">
        <v>64139</v>
      </c>
      <c r="CP4" s="1">
        <v>9928</v>
      </c>
      <c r="CQ4" s="1">
        <v>4927054</v>
      </c>
      <c r="CR4" s="1">
        <v>138837</v>
      </c>
      <c r="CS4" s="1">
        <v>27516</v>
      </c>
      <c r="CT4" s="1">
        <v>93339</v>
      </c>
      <c r="CU4" s="1">
        <v>11198</v>
      </c>
      <c r="CV4" s="1">
        <v>15376</v>
      </c>
      <c r="CW4" s="1">
        <v>33337</v>
      </c>
      <c r="CX4" s="1">
        <v>141960</v>
      </c>
      <c r="CY4" s="1">
        <v>36172</v>
      </c>
      <c r="CZ4" s="1">
        <v>114718</v>
      </c>
      <c r="DA4" s="1">
        <v>41185</v>
      </c>
      <c r="DB4" s="1">
        <v>12362</v>
      </c>
      <c r="DC4" s="1">
        <v>29715</v>
      </c>
      <c r="DD4" s="1">
        <v>695715</v>
      </c>
      <c r="DE4" s="1">
        <v>146290032</v>
      </c>
    </row>
    <row r="5" spans="1:109" ht="10" customHeight="1">
      <c r="A5" s="52"/>
      <c r="B5" s="114" t="s">
        <v>50</v>
      </c>
      <c r="C5" s="94"/>
      <c r="D5" s="46">
        <v>21404145</v>
      </c>
      <c r="E5" s="1">
        <v>4196602</v>
      </c>
      <c r="F5" s="1">
        <v>2061749</v>
      </c>
      <c r="G5" s="1">
        <v>7734084</v>
      </c>
      <c r="H5" s="1">
        <v>823796</v>
      </c>
      <c r="I5" s="1">
        <v>525475</v>
      </c>
      <c r="J5" s="1">
        <v>4450320</v>
      </c>
      <c r="K5" s="1">
        <v>1141081</v>
      </c>
      <c r="L5" s="1">
        <v>513580</v>
      </c>
      <c r="M5" s="1">
        <v>842810</v>
      </c>
      <c r="N5" s="1">
        <v>1263440</v>
      </c>
      <c r="O5" s="1">
        <v>2739780</v>
      </c>
      <c r="P5" s="1">
        <v>1953532</v>
      </c>
      <c r="Q5" s="1">
        <v>292414</v>
      </c>
      <c r="R5" s="1">
        <v>1324478</v>
      </c>
      <c r="S5" s="1">
        <v>1640558</v>
      </c>
      <c r="T5" s="1">
        <v>2427533</v>
      </c>
      <c r="U5" s="1">
        <v>3050618</v>
      </c>
      <c r="V5" s="1">
        <v>4408227</v>
      </c>
      <c r="W5" s="1">
        <v>979575</v>
      </c>
      <c r="X5" s="1">
        <v>1846237</v>
      </c>
      <c r="Y5" s="1">
        <v>1525074</v>
      </c>
      <c r="Z5" s="1">
        <v>1160064</v>
      </c>
      <c r="AA5" s="1">
        <v>1201769</v>
      </c>
      <c r="AB5" s="1">
        <v>931812</v>
      </c>
      <c r="AC5" s="1">
        <v>2127521</v>
      </c>
      <c r="AD5" s="1">
        <v>760184</v>
      </c>
      <c r="AE5" s="1">
        <v>1628610</v>
      </c>
      <c r="AF5" s="1">
        <v>569617</v>
      </c>
      <c r="AG5" s="1">
        <v>1251069</v>
      </c>
      <c r="AH5" s="1">
        <v>1033708</v>
      </c>
      <c r="AI5" s="1">
        <v>1438718</v>
      </c>
      <c r="AJ5" s="1">
        <v>499558</v>
      </c>
      <c r="AK5" s="1">
        <v>160872</v>
      </c>
      <c r="AL5" s="1">
        <v>666728</v>
      </c>
      <c r="AM5" s="1">
        <v>877703</v>
      </c>
      <c r="AN5" s="1">
        <v>1260008</v>
      </c>
      <c r="AO5" s="1">
        <v>545381</v>
      </c>
      <c r="AP5" s="1">
        <v>446729</v>
      </c>
      <c r="AQ5" s="1">
        <v>367750</v>
      </c>
      <c r="AR5" s="1">
        <v>185793</v>
      </c>
      <c r="AS5" s="1">
        <v>299058</v>
      </c>
      <c r="AT5" s="1">
        <v>200658</v>
      </c>
      <c r="AU5" s="1">
        <v>216151</v>
      </c>
      <c r="AV5" s="1">
        <v>216723</v>
      </c>
      <c r="AW5" s="1">
        <v>23817</v>
      </c>
      <c r="AX5" s="1">
        <v>20195</v>
      </c>
      <c r="AY5" s="1">
        <v>86111</v>
      </c>
      <c r="AZ5" s="1">
        <v>161098</v>
      </c>
      <c r="BA5" s="1">
        <v>252096</v>
      </c>
      <c r="BB5" s="1">
        <v>289455</v>
      </c>
      <c r="BC5" s="1">
        <v>187901</v>
      </c>
      <c r="BD5" s="1">
        <v>2223310</v>
      </c>
      <c r="BE5" s="1">
        <v>431703</v>
      </c>
      <c r="BF5" s="1">
        <v>88866978</v>
      </c>
      <c r="BG5" s="1">
        <v>9819</v>
      </c>
      <c r="BH5" s="1">
        <v>0</v>
      </c>
      <c r="BI5" s="1">
        <v>19874</v>
      </c>
      <c r="BJ5" s="1">
        <v>53247</v>
      </c>
      <c r="BK5" s="1">
        <v>26922</v>
      </c>
      <c r="BL5" s="1">
        <v>91938</v>
      </c>
      <c r="BM5" s="1">
        <v>36529</v>
      </c>
      <c r="BN5" s="1">
        <v>39981</v>
      </c>
      <c r="BO5" s="1">
        <v>9614</v>
      </c>
      <c r="BP5" s="1">
        <v>6252</v>
      </c>
      <c r="BQ5" s="1">
        <v>29321</v>
      </c>
      <c r="BR5" s="1">
        <v>98651</v>
      </c>
      <c r="BS5" s="1">
        <v>422148</v>
      </c>
      <c r="BT5" s="1">
        <v>133241</v>
      </c>
      <c r="BU5" s="1">
        <v>26530</v>
      </c>
      <c r="BV5" s="1">
        <v>131880</v>
      </c>
      <c r="BW5" s="1">
        <v>28217</v>
      </c>
      <c r="BX5" s="1">
        <v>31256</v>
      </c>
      <c r="BY5" s="1">
        <v>285956</v>
      </c>
      <c r="BZ5" s="1">
        <v>142751</v>
      </c>
      <c r="CA5" s="1">
        <v>44093</v>
      </c>
      <c r="CB5" s="1">
        <v>4128</v>
      </c>
      <c r="CC5" s="1">
        <v>5955</v>
      </c>
      <c r="CD5" s="1">
        <v>4883</v>
      </c>
      <c r="CE5" s="1">
        <v>15113</v>
      </c>
      <c r="CF5" s="1">
        <v>3934</v>
      </c>
      <c r="CG5" s="1">
        <v>10968</v>
      </c>
      <c r="CH5" s="1">
        <v>14628</v>
      </c>
      <c r="CI5" s="1">
        <v>18082</v>
      </c>
      <c r="CJ5" s="1">
        <v>56150</v>
      </c>
      <c r="CK5" s="1">
        <v>5854</v>
      </c>
      <c r="CL5" s="1">
        <v>33012</v>
      </c>
      <c r="CM5" s="1">
        <v>2047</v>
      </c>
      <c r="CN5" s="1">
        <v>27327</v>
      </c>
      <c r="CO5" s="1">
        <v>8499</v>
      </c>
      <c r="CP5" s="1">
        <v>1894</v>
      </c>
      <c r="CQ5" s="1">
        <v>1036398</v>
      </c>
      <c r="CR5" s="1">
        <v>29817</v>
      </c>
      <c r="CS5" s="1">
        <v>10681</v>
      </c>
      <c r="CT5" s="1">
        <v>29631</v>
      </c>
      <c r="CU5" s="1">
        <v>637</v>
      </c>
      <c r="CV5" s="1">
        <v>2284</v>
      </c>
      <c r="CW5" s="1">
        <v>10950</v>
      </c>
      <c r="CX5" s="1">
        <v>54668</v>
      </c>
      <c r="CY5" s="1">
        <v>10674</v>
      </c>
      <c r="CZ5" s="1">
        <v>42751</v>
      </c>
      <c r="DA5" s="1">
        <v>19448</v>
      </c>
      <c r="DB5" s="1">
        <v>3387</v>
      </c>
      <c r="DC5" s="1">
        <v>11588</v>
      </c>
      <c r="DD5" s="1">
        <v>226516</v>
      </c>
      <c r="DE5" s="1">
        <v>90552040</v>
      </c>
    </row>
    <row r="6" spans="1:109" ht="10" customHeight="1">
      <c r="A6" s="26"/>
      <c r="B6" s="29"/>
      <c r="C6" s="28" t="s">
        <v>51</v>
      </c>
      <c r="D6" s="46">
        <v>17050143</v>
      </c>
      <c r="E6" s="1">
        <v>3179849</v>
      </c>
      <c r="F6" s="1">
        <v>1593457</v>
      </c>
      <c r="G6" s="1">
        <v>5782245</v>
      </c>
      <c r="H6" s="1">
        <v>511075</v>
      </c>
      <c r="I6" s="1">
        <v>435302</v>
      </c>
      <c r="J6" s="1">
        <v>3226224</v>
      </c>
      <c r="K6" s="1">
        <v>873953</v>
      </c>
      <c r="L6" s="1">
        <v>513074</v>
      </c>
      <c r="M6" s="1">
        <v>769522</v>
      </c>
      <c r="N6" s="1">
        <v>886335</v>
      </c>
      <c r="O6" s="1">
        <v>2376707</v>
      </c>
      <c r="P6" s="1">
        <v>1637878</v>
      </c>
      <c r="Q6" s="1">
        <v>291729</v>
      </c>
      <c r="R6" s="1">
        <v>1048598</v>
      </c>
      <c r="S6" s="1">
        <v>1519295</v>
      </c>
      <c r="T6" s="1">
        <v>2233317</v>
      </c>
      <c r="U6" s="1">
        <v>2455788</v>
      </c>
      <c r="V6" s="1">
        <v>3445080</v>
      </c>
      <c r="W6" s="1">
        <v>577384</v>
      </c>
      <c r="X6" s="1">
        <v>1271658</v>
      </c>
      <c r="Y6" s="1">
        <v>1370445</v>
      </c>
      <c r="Z6" s="1">
        <v>898917</v>
      </c>
      <c r="AA6" s="1">
        <v>803159</v>
      </c>
      <c r="AB6" s="1">
        <v>619134</v>
      </c>
      <c r="AC6" s="1">
        <v>1399820</v>
      </c>
      <c r="AD6" s="1">
        <v>746692</v>
      </c>
      <c r="AE6" s="1">
        <v>1263598</v>
      </c>
      <c r="AF6" s="1">
        <v>541217</v>
      </c>
      <c r="AG6" s="1">
        <v>1197012</v>
      </c>
      <c r="AH6" s="1">
        <v>883961</v>
      </c>
      <c r="AI6" s="1">
        <v>1371075</v>
      </c>
      <c r="AJ6" s="1">
        <v>458207</v>
      </c>
      <c r="AK6" s="1">
        <v>160583</v>
      </c>
      <c r="AL6" s="1">
        <v>639443</v>
      </c>
      <c r="AM6" s="1">
        <v>630091</v>
      </c>
      <c r="AN6" s="1">
        <v>1021020</v>
      </c>
      <c r="AO6" s="1">
        <v>478235</v>
      </c>
      <c r="AP6" s="1">
        <v>446663</v>
      </c>
      <c r="AQ6" s="1">
        <v>367258</v>
      </c>
      <c r="AR6" s="1">
        <v>185645</v>
      </c>
      <c r="AS6" s="1">
        <v>299014</v>
      </c>
      <c r="AT6" s="1">
        <v>200586</v>
      </c>
      <c r="AU6" s="1">
        <v>135687</v>
      </c>
      <c r="AV6" s="1">
        <v>169789</v>
      </c>
      <c r="AW6" s="1">
        <v>23689</v>
      </c>
      <c r="AX6" s="1">
        <v>20143</v>
      </c>
      <c r="AY6" s="1">
        <v>59443</v>
      </c>
      <c r="AZ6" s="1">
        <v>160179</v>
      </c>
      <c r="BA6" s="1">
        <v>226210</v>
      </c>
      <c r="BB6" s="1">
        <v>270604</v>
      </c>
      <c r="BC6" s="1">
        <v>164888</v>
      </c>
      <c r="BD6" s="1">
        <v>1778009</v>
      </c>
      <c r="BE6" s="1">
        <v>431628</v>
      </c>
      <c r="BF6" s="1">
        <v>71100657</v>
      </c>
      <c r="BG6" s="1">
        <v>9819</v>
      </c>
      <c r="BH6" s="1">
        <v>0</v>
      </c>
      <c r="BI6" s="1">
        <v>19874</v>
      </c>
      <c r="BJ6" s="1">
        <v>53146</v>
      </c>
      <c r="BK6" s="1">
        <v>26913</v>
      </c>
      <c r="BL6" s="1">
        <v>91815</v>
      </c>
      <c r="BM6" s="1">
        <v>23954</v>
      </c>
      <c r="BN6" s="1">
        <v>39501</v>
      </c>
      <c r="BO6" s="1">
        <v>9614</v>
      </c>
      <c r="BP6" s="1">
        <v>6240</v>
      </c>
      <c r="BQ6" s="1">
        <v>29321</v>
      </c>
      <c r="BR6" s="1">
        <v>98176</v>
      </c>
      <c r="BS6" s="1">
        <v>408373</v>
      </c>
      <c r="BT6" s="1">
        <v>129000</v>
      </c>
      <c r="BU6" s="1">
        <v>26530</v>
      </c>
      <c r="BV6" s="1">
        <v>131852</v>
      </c>
      <c r="BW6" s="1">
        <v>28048</v>
      </c>
      <c r="BX6" s="1">
        <v>31256</v>
      </c>
      <c r="BY6" s="1">
        <v>285956</v>
      </c>
      <c r="BZ6" s="1">
        <v>142751</v>
      </c>
      <c r="CA6" s="1">
        <v>44093</v>
      </c>
      <c r="CB6" s="1">
        <v>4126</v>
      </c>
      <c r="CC6" s="1">
        <v>5951</v>
      </c>
      <c r="CD6" s="1">
        <v>4883</v>
      </c>
      <c r="CE6" s="1">
        <v>15113</v>
      </c>
      <c r="CF6" s="1">
        <v>3934</v>
      </c>
      <c r="CG6" s="1">
        <v>10968</v>
      </c>
      <c r="CH6" s="1">
        <v>14628</v>
      </c>
      <c r="CI6" s="1">
        <v>18082</v>
      </c>
      <c r="CJ6" s="1">
        <v>56150</v>
      </c>
      <c r="CK6" s="1">
        <v>5854</v>
      </c>
      <c r="CL6" s="1">
        <v>32998</v>
      </c>
      <c r="CM6" s="1">
        <v>2047</v>
      </c>
      <c r="CN6" s="1">
        <v>27327</v>
      </c>
      <c r="CO6" s="1">
        <v>8499</v>
      </c>
      <c r="CP6" s="1">
        <v>1894</v>
      </c>
      <c r="CQ6" s="1">
        <v>1031940</v>
      </c>
      <c r="CR6" s="1">
        <v>29817</v>
      </c>
      <c r="CS6" s="1">
        <v>10681</v>
      </c>
      <c r="CT6" s="1">
        <v>29631</v>
      </c>
      <c r="CU6" s="1">
        <v>637</v>
      </c>
      <c r="CV6" s="1">
        <v>2284</v>
      </c>
      <c r="CW6" s="1">
        <v>10950</v>
      </c>
      <c r="CX6" s="1">
        <v>54668</v>
      </c>
      <c r="CY6" s="1">
        <v>10650</v>
      </c>
      <c r="CZ6" s="1">
        <v>42751</v>
      </c>
      <c r="DA6" s="1">
        <v>19448</v>
      </c>
      <c r="DB6" s="1">
        <v>3387</v>
      </c>
      <c r="DC6" s="1">
        <v>5570</v>
      </c>
      <c r="DD6" s="1">
        <v>220474</v>
      </c>
      <c r="DE6" s="1">
        <v>72761444</v>
      </c>
    </row>
    <row r="7" spans="1:109" ht="10" customHeight="1">
      <c r="A7" s="26"/>
      <c r="B7" s="29"/>
      <c r="C7" s="28" t="s">
        <v>52</v>
      </c>
      <c r="D7" s="46">
        <v>4347449</v>
      </c>
      <c r="E7" s="1">
        <v>1014657</v>
      </c>
      <c r="F7" s="1">
        <v>465896</v>
      </c>
      <c r="G7" s="1">
        <v>1948864</v>
      </c>
      <c r="H7" s="1">
        <v>312682</v>
      </c>
      <c r="I7" s="1">
        <v>90013</v>
      </c>
      <c r="J7" s="1">
        <v>1211053</v>
      </c>
      <c r="K7" s="1">
        <v>260672</v>
      </c>
      <c r="L7" s="1">
        <v>0</v>
      </c>
      <c r="M7" s="1">
        <v>72763</v>
      </c>
      <c r="N7" s="1">
        <v>376792</v>
      </c>
      <c r="O7" s="1">
        <v>361016</v>
      </c>
      <c r="P7" s="1">
        <v>315230</v>
      </c>
      <c r="Q7" s="1">
        <v>0</v>
      </c>
      <c r="R7" s="1">
        <v>274358</v>
      </c>
      <c r="S7" s="1">
        <v>120463</v>
      </c>
      <c r="T7" s="1">
        <v>193098</v>
      </c>
      <c r="U7" s="1">
        <v>593917</v>
      </c>
      <c r="V7" s="1">
        <v>957756</v>
      </c>
      <c r="W7" s="1">
        <v>401924</v>
      </c>
      <c r="X7" s="1">
        <v>574244</v>
      </c>
      <c r="Y7" s="1">
        <v>154500</v>
      </c>
      <c r="Z7" s="1">
        <v>257506</v>
      </c>
      <c r="AA7" s="1">
        <v>336643</v>
      </c>
      <c r="AB7" s="1">
        <v>312363</v>
      </c>
      <c r="AC7" s="1">
        <v>727451</v>
      </c>
      <c r="AD7" s="1">
        <v>12473</v>
      </c>
      <c r="AE7" s="1">
        <v>363208</v>
      </c>
      <c r="AF7" s="1">
        <v>28247</v>
      </c>
      <c r="AG7" s="1">
        <v>53379</v>
      </c>
      <c r="AH7" s="1">
        <v>147948</v>
      </c>
      <c r="AI7" s="1">
        <v>67479</v>
      </c>
      <c r="AJ7" s="1">
        <v>41300</v>
      </c>
      <c r="AK7" s="1">
        <v>0</v>
      </c>
      <c r="AL7" s="1">
        <v>23861</v>
      </c>
      <c r="AM7" s="1">
        <v>246656</v>
      </c>
      <c r="AN7" s="1">
        <v>234077</v>
      </c>
      <c r="AO7" s="1">
        <v>67004</v>
      </c>
      <c r="AP7" s="1">
        <v>0</v>
      </c>
      <c r="AQ7" s="1">
        <v>0</v>
      </c>
      <c r="AR7" s="1">
        <v>0</v>
      </c>
      <c r="AS7" s="1">
        <v>0</v>
      </c>
      <c r="AT7" s="1">
        <v>0</v>
      </c>
      <c r="AU7" s="1">
        <v>80389</v>
      </c>
      <c r="AV7" s="1">
        <v>46718</v>
      </c>
      <c r="AW7" s="1">
        <v>0</v>
      </c>
      <c r="AX7" s="1">
        <v>0</v>
      </c>
      <c r="AY7" s="1">
        <v>26557</v>
      </c>
      <c r="AZ7" s="1">
        <v>861</v>
      </c>
      <c r="BA7" s="1">
        <v>25156</v>
      </c>
      <c r="BB7" s="1">
        <v>18082</v>
      </c>
      <c r="BC7" s="1">
        <v>22789</v>
      </c>
      <c r="BD7" s="1">
        <v>378096</v>
      </c>
      <c r="BE7" s="1">
        <v>0</v>
      </c>
      <c r="BF7" s="1">
        <v>17565590</v>
      </c>
      <c r="BG7" s="1">
        <v>0</v>
      </c>
      <c r="BH7" s="1">
        <v>0</v>
      </c>
      <c r="BI7" s="1">
        <v>0</v>
      </c>
      <c r="BJ7" s="1">
        <v>0</v>
      </c>
      <c r="BK7" s="1">
        <v>0</v>
      </c>
      <c r="BL7" s="1">
        <v>0</v>
      </c>
      <c r="BM7" s="1">
        <v>12575</v>
      </c>
      <c r="BN7" s="1">
        <v>0</v>
      </c>
      <c r="BO7" s="1">
        <v>0</v>
      </c>
      <c r="BP7" s="1">
        <v>0</v>
      </c>
      <c r="BQ7" s="1">
        <v>0</v>
      </c>
      <c r="BR7" s="1">
        <v>0</v>
      </c>
      <c r="BS7" s="1">
        <v>12575</v>
      </c>
      <c r="BT7" s="1">
        <v>0</v>
      </c>
      <c r="BU7" s="1">
        <v>0</v>
      </c>
      <c r="BV7" s="1">
        <v>0</v>
      </c>
      <c r="BW7" s="1">
        <v>0</v>
      </c>
      <c r="BX7" s="1">
        <v>0</v>
      </c>
      <c r="BY7" s="1">
        <v>0</v>
      </c>
      <c r="BZ7" s="1">
        <v>0</v>
      </c>
      <c r="CA7" s="1">
        <v>0</v>
      </c>
      <c r="CB7" s="1">
        <v>0</v>
      </c>
      <c r="CC7" s="1">
        <v>0</v>
      </c>
      <c r="CD7" s="1">
        <v>0</v>
      </c>
      <c r="CE7" s="1">
        <v>0</v>
      </c>
      <c r="CF7" s="1">
        <v>0</v>
      </c>
      <c r="CG7" s="1">
        <v>0</v>
      </c>
      <c r="CH7" s="1">
        <v>0</v>
      </c>
      <c r="CI7" s="1">
        <v>0</v>
      </c>
      <c r="CJ7" s="1">
        <v>0</v>
      </c>
      <c r="CK7" s="1">
        <v>0</v>
      </c>
      <c r="CL7" s="1">
        <v>0</v>
      </c>
      <c r="CM7" s="1">
        <v>0</v>
      </c>
      <c r="CN7" s="1">
        <v>0</v>
      </c>
      <c r="CO7" s="1">
        <v>0</v>
      </c>
      <c r="CP7" s="1">
        <v>0</v>
      </c>
      <c r="CQ7" s="1">
        <v>0</v>
      </c>
      <c r="CR7" s="1">
        <v>0</v>
      </c>
      <c r="CS7" s="1">
        <v>0</v>
      </c>
      <c r="CT7" s="1">
        <v>0</v>
      </c>
      <c r="CU7" s="1">
        <v>0</v>
      </c>
      <c r="CV7" s="1">
        <v>0</v>
      </c>
      <c r="CW7" s="1">
        <v>0</v>
      </c>
      <c r="CX7" s="1">
        <v>0</v>
      </c>
      <c r="CY7" s="1">
        <v>0</v>
      </c>
      <c r="CZ7" s="1">
        <v>0</v>
      </c>
      <c r="DA7" s="1">
        <v>0</v>
      </c>
      <c r="DB7" s="1">
        <v>0</v>
      </c>
      <c r="DC7" s="1">
        <v>0</v>
      </c>
      <c r="DD7" s="1">
        <v>0</v>
      </c>
      <c r="DE7" s="1">
        <v>17578165</v>
      </c>
    </row>
    <row r="8" spans="1:109" ht="10" customHeight="1">
      <c r="A8" s="26"/>
      <c r="B8" s="29"/>
      <c r="C8" s="28" t="s">
        <v>53</v>
      </c>
      <c r="D8" s="46">
        <v>0</v>
      </c>
      <c r="E8" s="1">
        <v>0</v>
      </c>
      <c r="F8" s="1">
        <v>0</v>
      </c>
      <c r="G8" s="1">
        <v>0</v>
      </c>
      <c r="H8" s="1">
        <v>0</v>
      </c>
      <c r="I8" s="1">
        <v>0</v>
      </c>
      <c r="J8" s="1">
        <v>12646</v>
      </c>
      <c r="K8" s="1">
        <v>0</v>
      </c>
      <c r="L8" s="1">
        <v>0</v>
      </c>
      <c r="M8" s="1">
        <v>0</v>
      </c>
      <c r="N8" s="1">
        <v>0</v>
      </c>
      <c r="O8" s="1">
        <v>0</v>
      </c>
      <c r="P8" s="1">
        <v>0</v>
      </c>
      <c r="Q8" s="1">
        <v>0</v>
      </c>
      <c r="R8" s="1">
        <v>0</v>
      </c>
      <c r="S8" s="1">
        <v>0</v>
      </c>
      <c r="T8" s="1">
        <v>0</v>
      </c>
      <c r="U8" s="1">
        <v>0</v>
      </c>
      <c r="V8" s="1">
        <v>0</v>
      </c>
      <c r="W8" s="1">
        <v>0</v>
      </c>
      <c r="X8" s="1">
        <v>0</v>
      </c>
      <c r="Y8" s="1">
        <v>0</v>
      </c>
      <c r="Z8" s="1">
        <v>0</v>
      </c>
      <c r="AA8" s="1">
        <v>60849</v>
      </c>
      <c r="AB8" s="1">
        <v>0</v>
      </c>
      <c r="AC8" s="1">
        <v>0</v>
      </c>
      <c r="AD8" s="1">
        <v>0</v>
      </c>
      <c r="AE8" s="1">
        <v>0</v>
      </c>
      <c r="AF8" s="1">
        <v>0</v>
      </c>
      <c r="AG8" s="1">
        <v>0</v>
      </c>
      <c r="AH8" s="1">
        <v>0</v>
      </c>
      <c r="AI8" s="1">
        <v>0</v>
      </c>
      <c r="AJ8" s="1">
        <v>0</v>
      </c>
      <c r="AK8" s="1">
        <v>0</v>
      </c>
      <c r="AL8" s="1">
        <v>0</v>
      </c>
      <c r="AM8" s="1">
        <v>591</v>
      </c>
      <c r="AN8" s="1">
        <v>0</v>
      </c>
      <c r="AO8" s="1">
        <v>0</v>
      </c>
      <c r="AP8" s="1">
        <v>0</v>
      </c>
      <c r="AQ8" s="1">
        <v>0</v>
      </c>
      <c r="AR8" s="1">
        <v>0</v>
      </c>
      <c r="AS8" s="1">
        <v>0</v>
      </c>
      <c r="AT8" s="1">
        <v>0</v>
      </c>
      <c r="AU8" s="1">
        <v>0</v>
      </c>
      <c r="AV8" s="1">
        <v>0</v>
      </c>
      <c r="AW8" s="1">
        <v>0</v>
      </c>
      <c r="AX8" s="1">
        <v>0</v>
      </c>
      <c r="AY8" s="1">
        <v>0</v>
      </c>
      <c r="AZ8" s="1">
        <v>0</v>
      </c>
      <c r="BA8" s="1">
        <v>0</v>
      </c>
      <c r="BB8" s="1">
        <v>0</v>
      </c>
      <c r="BC8" s="1">
        <v>0</v>
      </c>
      <c r="BD8" s="1">
        <v>0</v>
      </c>
      <c r="BE8" s="1">
        <v>0</v>
      </c>
      <c r="BF8" s="1">
        <v>74086</v>
      </c>
      <c r="BG8" s="1">
        <v>0</v>
      </c>
      <c r="BH8" s="1">
        <v>0</v>
      </c>
      <c r="BI8" s="1">
        <v>0</v>
      </c>
      <c r="BJ8" s="1">
        <v>0</v>
      </c>
      <c r="BK8" s="1">
        <v>0</v>
      </c>
      <c r="BL8" s="1">
        <v>0</v>
      </c>
      <c r="BM8" s="1">
        <v>0</v>
      </c>
      <c r="BN8" s="1">
        <v>0</v>
      </c>
      <c r="BO8" s="1">
        <v>0</v>
      </c>
      <c r="BP8" s="1">
        <v>0</v>
      </c>
      <c r="BQ8" s="1">
        <v>0</v>
      </c>
      <c r="BR8" s="1">
        <v>0</v>
      </c>
      <c r="BS8" s="1">
        <v>0</v>
      </c>
      <c r="BT8" s="1">
        <v>0</v>
      </c>
      <c r="BU8" s="1">
        <v>0</v>
      </c>
      <c r="BV8" s="1">
        <v>0</v>
      </c>
      <c r="BW8" s="1">
        <v>0</v>
      </c>
      <c r="BX8" s="1">
        <v>0</v>
      </c>
      <c r="BY8" s="1">
        <v>0</v>
      </c>
      <c r="BZ8" s="1">
        <v>0</v>
      </c>
      <c r="CA8" s="1">
        <v>0</v>
      </c>
      <c r="CB8" s="1">
        <v>0</v>
      </c>
      <c r="CC8" s="1">
        <v>0</v>
      </c>
      <c r="CD8" s="1">
        <v>0</v>
      </c>
      <c r="CE8" s="1">
        <v>0</v>
      </c>
      <c r="CF8" s="1">
        <v>0</v>
      </c>
      <c r="CG8" s="1">
        <v>0</v>
      </c>
      <c r="CH8" s="1">
        <v>0</v>
      </c>
      <c r="CI8" s="1">
        <v>0</v>
      </c>
      <c r="CJ8" s="1">
        <v>0</v>
      </c>
      <c r="CK8" s="1">
        <v>0</v>
      </c>
      <c r="CL8" s="1">
        <v>0</v>
      </c>
      <c r="CM8" s="1">
        <v>0</v>
      </c>
      <c r="CN8" s="1">
        <v>0</v>
      </c>
      <c r="CO8" s="1">
        <v>0</v>
      </c>
      <c r="CP8" s="1">
        <v>0</v>
      </c>
      <c r="CQ8" s="1">
        <v>0</v>
      </c>
      <c r="CR8" s="1">
        <v>0</v>
      </c>
      <c r="CS8" s="1">
        <v>0</v>
      </c>
      <c r="CT8" s="1">
        <v>0</v>
      </c>
      <c r="CU8" s="1">
        <v>0</v>
      </c>
      <c r="CV8" s="1">
        <v>0</v>
      </c>
      <c r="CW8" s="1">
        <v>0</v>
      </c>
      <c r="CX8" s="1">
        <v>0</v>
      </c>
      <c r="CY8" s="1">
        <v>0</v>
      </c>
      <c r="CZ8" s="1">
        <v>0</v>
      </c>
      <c r="DA8" s="1">
        <v>0</v>
      </c>
      <c r="DB8" s="1">
        <v>0</v>
      </c>
      <c r="DC8" s="1">
        <v>0</v>
      </c>
      <c r="DD8" s="1">
        <v>0</v>
      </c>
      <c r="DE8" s="1">
        <v>74086</v>
      </c>
    </row>
    <row r="9" spans="1:109" ht="10" customHeight="1">
      <c r="A9" s="26"/>
      <c r="B9" s="30"/>
      <c r="C9" s="28" t="s">
        <v>54</v>
      </c>
      <c r="D9" s="46">
        <v>6553</v>
      </c>
      <c r="E9" s="1">
        <v>2096</v>
      </c>
      <c r="F9" s="1">
        <v>2396</v>
      </c>
      <c r="G9" s="1">
        <v>2975</v>
      </c>
      <c r="H9" s="1">
        <v>39</v>
      </c>
      <c r="I9" s="1">
        <v>160</v>
      </c>
      <c r="J9" s="1">
        <v>397</v>
      </c>
      <c r="K9" s="1">
        <v>6456</v>
      </c>
      <c r="L9" s="1">
        <v>506</v>
      </c>
      <c r="M9" s="1">
        <v>525</v>
      </c>
      <c r="N9" s="1">
        <v>313</v>
      </c>
      <c r="O9" s="1">
        <v>2057</v>
      </c>
      <c r="P9" s="1">
        <v>424</v>
      </c>
      <c r="Q9" s="1">
        <v>685</v>
      </c>
      <c r="R9" s="1">
        <v>1522</v>
      </c>
      <c r="S9" s="1">
        <v>800</v>
      </c>
      <c r="T9" s="1">
        <v>1118</v>
      </c>
      <c r="U9" s="1">
        <v>913</v>
      </c>
      <c r="V9" s="1">
        <v>5391</v>
      </c>
      <c r="W9" s="1">
        <v>267</v>
      </c>
      <c r="X9" s="1">
        <v>335</v>
      </c>
      <c r="Y9" s="1">
        <v>129</v>
      </c>
      <c r="Z9" s="1">
        <v>3641</v>
      </c>
      <c r="AA9" s="1">
        <v>1118</v>
      </c>
      <c r="AB9" s="1">
        <v>315</v>
      </c>
      <c r="AC9" s="1">
        <v>250</v>
      </c>
      <c r="AD9" s="1">
        <v>1019</v>
      </c>
      <c r="AE9" s="1">
        <v>1804</v>
      </c>
      <c r="AF9" s="1">
        <v>153</v>
      </c>
      <c r="AG9" s="1">
        <v>678</v>
      </c>
      <c r="AH9" s="1">
        <v>1799</v>
      </c>
      <c r="AI9" s="1">
        <v>164</v>
      </c>
      <c r="AJ9" s="1">
        <v>51</v>
      </c>
      <c r="AK9" s="1">
        <v>289</v>
      </c>
      <c r="AL9" s="1">
        <v>3424</v>
      </c>
      <c r="AM9" s="1">
        <v>365</v>
      </c>
      <c r="AN9" s="1">
        <v>4911</v>
      </c>
      <c r="AO9" s="1">
        <v>142</v>
      </c>
      <c r="AP9" s="1">
        <v>66</v>
      </c>
      <c r="AQ9" s="1">
        <v>492</v>
      </c>
      <c r="AR9" s="1">
        <v>148</v>
      </c>
      <c r="AS9" s="1">
        <v>44</v>
      </c>
      <c r="AT9" s="1">
        <v>72</v>
      </c>
      <c r="AU9" s="1">
        <v>75</v>
      </c>
      <c r="AV9" s="1">
        <v>216</v>
      </c>
      <c r="AW9" s="1">
        <v>128</v>
      </c>
      <c r="AX9" s="1">
        <v>52</v>
      </c>
      <c r="AY9" s="1">
        <v>111</v>
      </c>
      <c r="AZ9" s="1">
        <v>58</v>
      </c>
      <c r="BA9" s="1">
        <v>730</v>
      </c>
      <c r="BB9" s="1">
        <v>769</v>
      </c>
      <c r="BC9" s="1">
        <v>224</v>
      </c>
      <c r="BD9" s="1">
        <v>67205</v>
      </c>
      <c r="BE9" s="1">
        <v>75</v>
      </c>
      <c r="BF9" s="1">
        <v>126645</v>
      </c>
      <c r="BG9" s="1">
        <v>0</v>
      </c>
      <c r="BH9" s="1">
        <v>0</v>
      </c>
      <c r="BI9" s="1">
        <v>0</v>
      </c>
      <c r="BJ9" s="1">
        <v>101</v>
      </c>
      <c r="BK9" s="1">
        <v>9</v>
      </c>
      <c r="BL9" s="1">
        <v>123</v>
      </c>
      <c r="BM9" s="1">
        <v>0</v>
      </c>
      <c r="BN9" s="1">
        <v>480</v>
      </c>
      <c r="BO9" s="1">
        <v>0</v>
      </c>
      <c r="BP9" s="1">
        <v>12</v>
      </c>
      <c r="BQ9" s="1">
        <v>0</v>
      </c>
      <c r="BR9" s="1">
        <v>475</v>
      </c>
      <c r="BS9" s="1">
        <v>1200</v>
      </c>
      <c r="BT9" s="1">
        <v>4241</v>
      </c>
      <c r="BU9" s="1">
        <v>0</v>
      </c>
      <c r="BV9" s="1">
        <v>28</v>
      </c>
      <c r="BW9" s="1">
        <v>169</v>
      </c>
      <c r="BX9" s="1">
        <v>0</v>
      </c>
      <c r="BY9" s="1">
        <v>0</v>
      </c>
      <c r="BZ9" s="1">
        <v>0</v>
      </c>
      <c r="CA9" s="1">
        <v>0</v>
      </c>
      <c r="CB9" s="1">
        <v>2</v>
      </c>
      <c r="CC9" s="1">
        <v>4</v>
      </c>
      <c r="CD9" s="1">
        <v>0</v>
      </c>
      <c r="CE9" s="1">
        <v>0</v>
      </c>
      <c r="CF9" s="1">
        <v>0</v>
      </c>
      <c r="CG9" s="1">
        <v>0</v>
      </c>
      <c r="CH9" s="1">
        <v>0</v>
      </c>
      <c r="CI9" s="1">
        <v>0</v>
      </c>
      <c r="CJ9" s="1">
        <v>0</v>
      </c>
      <c r="CK9" s="1">
        <v>0</v>
      </c>
      <c r="CL9" s="1">
        <v>14</v>
      </c>
      <c r="CM9" s="1">
        <v>0</v>
      </c>
      <c r="CN9" s="1">
        <v>0</v>
      </c>
      <c r="CO9" s="1">
        <v>0</v>
      </c>
      <c r="CP9" s="1">
        <v>0</v>
      </c>
      <c r="CQ9" s="1">
        <v>4458</v>
      </c>
      <c r="CR9" s="1">
        <v>0</v>
      </c>
      <c r="CS9" s="1">
        <v>0</v>
      </c>
      <c r="CT9" s="1">
        <v>0</v>
      </c>
      <c r="CU9" s="1">
        <v>0</v>
      </c>
      <c r="CV9" s="1">
        <v>0</v>
      </c>
      <c r="CW9" s="1">
        <v>0</v>
      </c>
      <c r="CX9" s="1">
        <v>0</v>
      </c>
      <c r="CY9" s="1">
        <v>24</v>
      </c>
      <c r="CZ9" s="1">
        <v>0</v>
      </c>
      <c r="DA9" s="1">
        <v>0</v>
      </c>
      <c r="DB9" s="1">
        <v>0</v>
      </c>
      <c r="DC9" s="1">
        <v>6018</v>
      </c>
      <c r="DD9" s="1">
        <v>6042</v>
      </c>
      <c r="DE9" s="1">
        <v>138345</v>
      </c>
    </row>
    <row r="10" spans="1:109" ht="10" customHeight="1">
      <c r="A10" s="26"/>
      <c r="B10" s="150" t="s">
        <v>55</v>
      </c>
      <c r="C10" s="151"/>
      <c r="D10" s="46">
        <v>3590030</v>
      </c>
      <c r="E10" s="1">
        <v>1625029</v>
      </c>
      <c r="F10" s="1">
        <v>1598140</v>
      </c>
      <c r="G10" s="1">
        <v>2955482</v>
      </c>
      <c r="H10" s="1">
        <v>811596</v>
      </c>
      <c r="I10" s="1">
        <v>534156</v>
      </c>
      <c r="J10" s="1">
        <v>1290836</v>
      </c>
      <c r="K10" s="1">
        <v>866916</v>
      </c>
      <c r="L10" s="1">
        <v>1118493</v>
      </c>
      <c r="M10" s="1">
        <v>995436</v>
      </c>
      <c r="N10" s="1">
        <v>1118441</v>
      </c>
      <c r="O10" s="1">
        <v>2008132</v>
      </c>
      <c r="P10" s="1">
        <v>1357749</v>
      </c>
      <c r="Q10" s="1">
        <v>873861</v>
      </c>
      <c r="R10" s="1">
        <v>1145922</v>
      </c>
      <c r="S10" s="1">
        <v>820370</v>
      </c>
      <c r="T10" s="1">
        <v>1053291</v>
      </c>
      <c r="U10" s="1">
        <v>2499957</v>
      </c>
      <c r="V10" s="1">
        <v>1918593</v>
      </c>
      <c r="W10" s="1">
        <v>537379</v>
      </c>
      <c r="X10" s="1">
        <v>491480</v>
      </c>
      <c r="Y10" s="1">
        <v>731386</v>
      </c>
      <c r="Z10" s="1">
        <v>778703</v>
      </c>
      <c r="AA10" s="1">
        <v>629893</v>
      </c>
      <c r="AB10" s="1">
        <v>216010</v>
      </c>
      <c r="AC10" s="1">
        <v>1230806</v>
      </c>
      <c r="AD10" s="1">
        <v>942842</v>
      </c>
      <c r="AE10" s="1">
        <v>2120861</v>
      </c>
      <c r="AF10" s="1">
        <v>516549</v>
      </c>
      <c r="AG10" s="1">
        <v>1578811</v>
      </c>
      <c r="AH10" s="1">
        <v>466984</v>
      </c>
      <c r="AI10" s="1">
        <v>1510451</v>
      </c>
      <c r="AJ10" s="1">
        <v>420999</v>
      </c>
      <c r="AK10" s="1">
        <v>542888</v>
      </c>
      <c r="AL10" s="1">
        <v>540271</v>
      </c>
      <c r="AM10" s="1">
        <v>695838</v>
      </c>
      <c r="AN10" s="1">
        <v>414888</v>
      </c>
      <c r="AO10" s="1">
        <v>364321</v>
      </c>
      <c r="AP10" s="1">
        <v>436923</v>
      </c>
      <c r="AQ10" s="1">
        <v>176139</v>
      </c>
      <c r="AR10" s="1">
        <v>149627</v>
      </c>
      <c r="AS10" s="1">
        <v>217320</v>
      </c>
      <c r="AT10" s="1">
        <v>379240</v>
      </c>
      <c r="AU10" s="1">
        <v>258287</v>
      </c>
      <c r="AV10" s="1">
        <v>117145</v>
      </c>
      <c r="AW10" s="1">
        <v>92840</v>
      </c>
      <c r="AX10" s="1">
        <v>43821</v>
      </c>
      <c r="AY10" s="1">
        <v>164931</v>
      </c>
      <c r="AZ10" s="1">
        <v>312942</v>
      </c>
      <c r="BA10" s="1">
        <v>812751</v>
      </c>
      <c r="BB10" s="1">
        <v>601579</v>
      </c>
      <c r="BC10" s="1">
        <v>320888</v>
      </c>
      <c r="BD10" s="1">
        <v>1711612</v>
      </c>
      <c r="BE10" s="1">
        <v>1199594</v>
      </c>
      <c r="BF10" s="1">
        <v>49909429</v>
      </c>
      <c r="BG10" s="1">
        <v>70282</v>
      </c>
      <c r="BH10" s="1">
        <v>0</v>
      </c>
      <c r="BI10" s="1">
        <v>13210</v>
      </c>
      <c r="BJ10" s="1">
        <v>176051</v>
      </c>
      <c r="BK10" s="1">
        <v>87078</v>
      </c>
      <c r="BL10" s="1">
        <v>115704</v>
      </c>
      <c r="BM10" s="1">
        <v>77434</v>
      </c>
      <c r="BN10" s="1">
        <v>258670</v>
      </c>
      <c r="BO10" s="1">
        <v>67694</v>
      </c>
      <c r="BP10" s="1">
        <v>18621</v>
      </c>
      <c r="BQ10" s="1">
        <v>71709</v>
      </c>
      <c r="BR10" s="1">
        <v>385998</v>
      </c>
      <c r="BS10" s="1">
        <v>1342451</v>
      </c>
      <c r="BT10" s="1">
        <v>433620</v>
      </c>
      <c r="BU10" s="1">
        <v>137607</v>
      </c>
      <c r="BV10" s="1">
        <v>631476</v>
      </c>
      <c r="BW10" s="1">
        <v>159287</v>
      </c>
      <c r="BX10" s="1">
        <v>145563</v>
      </c>
      <c r="BY10" s="1">
        <v>494003</v>
      </c>
      <c r="BZ10" s="1">
        <v>467541</v>
      </c>
      <c r="CA10" s="1">
        <v>121218</v>
      </c>
      <c r="CB10" s="1">
        <v>30668</v>
      </c>
      <c r="CC10" s="1">
        <v>38620</v>
      </c>
      <c r="CD10" s="1">
        <v>47224</v>
      </c>
      <c r="CE10" s="1">
        <v>76613</v>
      </c>
      <c r="CF10" s="1">
        <v>36780</v>
      </c>
      <c r="CG10" s="1">
        <v>49222</v>
      </c>
      <c r="CH10" s="1">
        <v>88124</v>
      </c>
      <c r="CI10" s="1">
        <v>101253</v>
      </c>
      <c r="CJ10" s="1">
        <v>357500</v>
      </c>
      <c r="CK10" s="1">
        <v>67193</v>
      </c>
      <c r="CL10" s="1">
        <v>228015</v>
      </c>
      <c r="CM10" s="1">
        <v>9777</v>
      </c>
      <c r="CN10" s="1">
        <v>93690</v>
      </c>
      <c r="CO10" s="1">
        <v>55640</v>
      </c>
      <c r="CP10" s="1">
        <v>6619</v>
      </c>
      <c r="CQ10" s="1">
        <v>3877253</v>
      </c>
      <c r="CR10" s="1">
        <v>108816</v>
      </c>
      <c r="CS10" s="1">
        <v>16835</v>
      </c>
      <c r="CT10" s="1">
        <v>62176</v>
      </c>
      <c r="CU10" s="1">
        <v>10561</v>
      </c>
      <c r="CV10" s="1">
        <v>13092</v>
      </c>
      <c r="CW10" s="1">
        <v>22387</v>
      </c>
      <c r="CX10" s="1">
        <v>86469</v>
      </c>
      <c r="CY10" s="1">
        <v>25498</v>
      </c>
      <c r="CZ10" s="1">
        <v>71967</v>
      </c>
      <c r="DA10" s="1">
        <v>21737</v>
      </c>
      <c r="DB10" s="1">
        <v>8975</v>
      </c>
      <c r="DC10" s="1">
        <v>16175</v>
      </c>
      <c r="DD10" s="1">
        <v>464688</v>
      </c>
      <c r="DE10" s="1">
        <v>55593821</v>
      </c>
    </row>
    <row r="11" spans="1:109" ht="10" customHeight="1">
      <c r="A11" s="26"/>
      <c r="B11" s="29"/>
      <c r="C11" s="28" t="s">
        <v>56</v>
      </c>
      <c r="D11" s="46">
        <v>0</v>
      </c>
      <c r="E11" s="1">
        <v>2812</v>
      </c>
      <c r="F11" s="1">
        <v>0</v>
      </c>
      <c r="G11" s="1">
        <v>0</v>
      </c>
      <c r="H11" s="1">
        <v>245</v>
      </c>
      <c r="I11" s="1">
        <v>0</v>
      </c>
      <c r="J11" s="1">
        <v>3055</v>
      </c>
      <c r="K11" s="1">
        <v>0</v>
      </c>
      <c r="L11" s="1">
        <v>203</v>
      </c>
      <c r="M11" s="1">
        <v>0</v>
      </c>
      <c r="N11" s="1">
        <v>0</v>
      </c>
      <c r="O11" s="1">
        <v>447</v>
      </c>
      <c r="P11" s="1">
        <v>2100</v>
      </c>
      <c r="Q11" s="1">
        <v>306</v>
      </c>
      <c r="R11" s="1">
        <v>0</v>
      </c>
      <c r="S11" s="1">
        <v>2987</v>
      </c>
      <c r="T11" s="1">
        <v>1416</v>
      </c>
      <c r="U11" s="1">
        <v>0</v>
      </c>
      <c r="V11" s="1">
        <v>792</v>
      </c>
      <c r="W11" s="1">
        <v>0</v>
      </c>
      <c r="X11" s="1">
        <v>0</v>
      </c>
      <c r="Y11" s="1">
        <v>7125</v>
      </c>
      <c r="Z11" s="1">
        <v>579</v>
      </c>
      <c r="AA11" s="1">
        <v>992</v>
      </c>
      <c r="AB11" s="1">
        <v>414</v>
      </c>
      <c r="AC11" s="1">
        <v>825</v>
      </c>
      <c r="AD11" s="1">
        <v>79</v>
      </c>
      <c r="AE11" s="1">
        <v>0</v>
      </c>
      <c r="AF11" s="1">
        <v>0</v>
      </c>
      <c r="AG11" s="1">
        <v>666</v>
      </c>
      <c r="AH11" s="1">
        <v>526</v>
      </c>
      <c r="AI11" s="1">
        <v>394</v>
      </c>
      <c r="AJ11" s="1">
        <v>268</v>
      </c>
      <c r="AK11" s="1">
        <v>159</v>
      </c>
      <c r="AL11" s="1">
        <v>0</v>
      </c>
      <c r="AM11" s="1">
        <v>347</v>
      </c>
      <c r="AN11" s="1">
        <v>481</v>
      </c>
      <c r="AO11" s="1">
        <v>0</v>
      </c>
      <c r="AP11" s="1">
        <v>134</v>
      </c>
      <c r="AQ11" s="1">
        <v>64</v>
      </c>
      <c r="AR11" s="1">
        <v>0</v>
      </c>
      <c r="AS11" s="1">
        <v>89</v>
      </c>
      <c r="AT11" s="1">
        <v>0</v>
      </c>
      <c r="AU11" s="1">
        <v>87</v>
      </c>
      <c r="AV11" s="1">
        <v>329</v>
      </c>
      <c r="AW11" s="1">
        <v>0</v>
      </c>
      <c r="AX11" s="1">
        <v>0</v>
      </c>
      <c r="AY11" s="1">
        <v>1</v>
      </c>
      <c r="AZ11" s="1">
        <v>35</v>
      </c>
      <c r="BA11" s="1">
        <v>54</v>
      </c>
      <c r="BB11" s="1">
        <v>0</v>
      </c>
      <c r="BC11" s="1">
        <v>56</v>
      </c>
      <c r="BD11" s="1">
        <v>1619</v>
      </c>
      <c r="BE11" s="1">
        <v>1</v>
      </c>
      <c r="BF11" s="1">
        <v>29687</v>
      </c>
      <c r="BG11" s="1">
        <v>0</v>
      </c>
      <c r="BH11" s="1">
        <v>0</v>
      </c>
      <c r="BI11" s="1">
        <v>0</v>
      </c>
      <c r="BJ11" s="1">
        <v>30</v>
      </c>
      <c r="BK11" s="1">
        <v>48</v>
      </c>
      <c r="BL11" s="1">
        <v>7</v>
      </c>
      <c r="BM11" s="1">
        <v>0</v>
      </c>
      <c r="BN11" s="1">
        <v>0</v>
      </c>
      <c r="BO11" s="1">
        <v>0</v>
      </c>
      <c r="BP11" s="1">
        <v>0</v>
      </c>
      <c r="BQ11" s="1">
        <v>0</v>
      </c>
      <c r="BR11" s="1">
        <v>30</v>
      </c>
      <c r="BS11" s="1">
        <v>115</v>
      </c>
      <c r="BT11" s="1">
        <v>0</v>
      </c>
      <c r="BU11" s="1">
        <v>0</v>
      </c>
      <c r="BV11" s="1">
        <v>112</v>
      </c>
      <c r="BW11" s="1">
        <v>0</v>
      </c>
      <c r="BX11" s="1">
        <v>6</v>
      </c>
      <c r="BY11" s="1">
        <v>951</v>
      </c>
      <c r="BZ11" s="1">
        <v>0</v>
      </c>
      <c r="CA11" s="1">
        <v>0</v>
      </c>
      <c r="CB11" s="1">
        <v>13</v>
      </c>
      <c r="CC11" s="1">
        <v>0</v>
      </c>
      <c r="CD11" s="1">
        <v>18</v>
      </c>
      <c r="CE11" s="1">
        <v>0</v>
      </c>
      <c r="CF11" s="1">
        <v>0</v>
      </c>
      <c r="CG11" s="1">
        <v>0</v>
      </c>
      <c r="CH11" s="1">
        <v>0</v>
      </c>
      <c r="CI11" s="1">
        <v>0</v>
      </c>
      <c r="CJ11" s="1">
        <v>0</v>
      </c>
      <c r="CK11" s="1">
        <v>17</v>
      </c>
      <c r="CL11" s="1">
        <v>0</v>
      </c>
      <c r="CM11" s="1">
        <v>0</v>
      </c>
      <c r="CN11" s="1">
        <v>0</v>
      </c>
      <c r="CO11" s="1">
        <v>14</v>
      </c>
      <c r="CP11" s="1">
        <v>0</v>
      </c>
      <c r="CQ11" s="1">
        <v>1131</v>
      </c>
      <c r="CR11" s="1">
        <v>0</v>
      </c>
      <c r="CS11" s="1">
        <v>0</v>
      </c>
      <c r="CT11" s="1">
        <v>0</v>
      </c>
      <c r="CU11" s="1">
        <v>0</v>
      </c>
      <c r="CV11" s="1">
        <v>0</v>
      </c>
      <c r="CW11" s="1">
        <v>7</v>
      </c>
      <c r="CX11" s="1">
        <v>0</v>
      </c>
      <c r="CY11" s="1">
        <v>0</v>
      </c>
      <c r="CZ11" s="1">
        <v>3</v>
      </c>
      <c r="DA11" s="1">
        <v>5</v>
      </c>
      <c r="DB11" s="1">
        <v>2</v>
      </c>
      <c r="DC11" s="1">
        <v>0</v>
      </c>
      <c r="DD11" s="1">
        <v>17</v>
      </c>
      <c r="DE11" s="1">
        <v>30950</v>
      </c>
    </row>
    <row r="12" spans="1:109" ht="10" customHeight="1">
      <c r="A12" s="26"/>
      <c r="B12" s="29"/>
      <c r="C12" s="28" t="s">
        <v>53</v>
      </c>
      <c r="D12" s="46">
        <v>0</v>
      </c>
      <c r="E12" s="1">
        <v>0</v>
      </c>
      <c r="F12" s="1">
        <v>0</v>
      </c>
      <c r="G12" s="1">
        <v>0</v>
      </c>
      <c r="H12" s="1">
        <v>0</v>
      </c>
      <c r="I12" s="1">
        <v>0</v>
      </c>
      <c r="J12" s="1">
        <v>0</v>
      </c>
      <c r="K12" s="1">
        <v>0</v>
      </c>
      <c r="L12" s="1">
        <v>0</v>
      </c>
      <c r="M12" s="1">
        <v>0</v>
      </c>
      <c r="N12" s="1">
        <v>0</v>
      </c>
      <c r="O12" s="1">
        <v>0</v>
      </c>
      <c r="P12" s="1">
        <v>0</v>
      </c>
      <c r="Q12" s="1">
        <v>0</v>
      </c>
      <c r="R12" s="1">
        <v>0</v>
      </c>
      <c r="S12" s="1">
        <v>0</v>
      </c>
      <c r="T12" s="1">
        <v>0</v>
      </c>
      <c r="U12" s="1">
        <v>0</v>
      </c>
      <c r="V12" s="1">
        <v>0</v>
      </c>
      <c r="W12" s="1">
        <v>0</v>
      </c>
      <c r="X12" s="1">
        <v>0</v>
      </c>
      <c r="Y12" s="1">
        <v>0</v>
      </c>
      <c r="Z12" s="1">
        <v>0</v>
      </c>
      <c r="AA12" s="1">
        <v>0</v>
      </c>
      <c r="AB12" s="1">
        <v>0</v>
      </c>
      <c r="AC12" s="1">
        <v>0</v>
      </c>
      <c r="AD12" s="1">
        <v>0</v>
      </c>
      <c r="AE12" s="1">
        <v>0</v>
      </c>
      <c r="AF12" s="1">
        <v>0</v>
      </c>
      <c r="AG12" s="1">
        <v>0</v>
      </c>
      <c r="AH12" s="1">
        <v>0</v>
      </c>
      <c r="AI12" s="1">
        <v>0</v>
      </c>
      <c r="AJ12" s="1">
        <v>0</v>
      </c>
      <c r="AK12" s="1">
        <v>0</v>
      </c>
      <c r="AL12" s="1">
        <v>0</v>
      </c>
      <c r="AM12" s="1">
        <v>0</v>
      </c>
      <c r="AN12" s="1">
        <v>0</v>
      </c>
      <c r="AO12" s="1">
        <v>0</v>
      </c>
      <c r="AP12" s="1">
        <v>0</v>
      </c>
      <c r="AQ12" s="1">
        <v>0</v>
      </c>
      <c r="AR12" s="1">
        <v>0</v>
      </c>
      <c r="AS12" s="1">
        <v>0</v>
      </c>
      <c r="AT12" s="1">
        <v>0</v>
      </c>
      <c r="AU12" s="1">
        <v>0</v>
      </c>
      <c r="AV12" s="1">
        <v>0</v>
      </c>
      <c r="AW12" s="1">
        <v>0</v>
      </c>
      <c r="AX12" s="1">
        <v>0</v>
      </c>
      <c r="AY12" s="1">
        <v>0</v>
      </c>
      <c r="AZ12" s="1">
        <v>0</v>
      </c>
      <c r="BA12" s="1">
        <v>0</v>
      </c>
      <c r="BB12" s="1">
        <v>0</v>
      </c>
      <c r="BC12" s="1">
        <v>0</v>
      </c>
      <c r="BD12" s="1">
        <v>0</v>
      </c>
      <c r="BE12" s="1">
        <v>0</v>
      </c>
      <c r="BF12" s="1">
        <v>0</v>
      </c>
      <c r="BG12" s="1">
        <v>0</v>
      </c>
      <c r="BH12" s="1">
        <v>0</v>
      </c>
      <c r="BI12" s="1">
        <v>0</v>
      </c>
      <c r="BJ12" s="1">
        <v>0</v>
      </c>
      <c r="BK12" s="1">
        <v>0</v>
      </c>
      <c r="BL12" s="1">
        <v>0</v>
      </c>
      <c r="BM12" s="1">
        <v>0</v>
      </c>
      <c r="BN12" s="1">
        <v>0</v>
      </c>
      <c r="BO12" s="1">
        <v>0</v>
      </c>
      <c r="BP12" s="1">
        <v>0</v>
      </c>
      <c r="BQ12" s="1">
        <v>0</v>
      </c>
      <c r="BR12" s="1">
        <v>0</v>
      </c>
      <c r="BS12" s="1">
        <v>0</v>
      </c>
      <c r="BT12" s="1">
        <v>0</v>
      </c>
      <c r="BU12" s="1">
        <v>0</v>
      </c>
      <c r="BV12" s="1">
        <v>0</v>
      </c>
      <c r="BW12" s="1">
        <v>0</v>
      </c>
      <c r="BX12" s="1">
        <v>0</v>
      </c>
      <c r="BY12" s="1">
        <v>0</v>
      </c>
      <c r="BZ12" s="1">
        <v>0</v>
      </c>
      <c r="CA12" s="1">
        <v>0</v>
      </c>
      <c r="CB12" s="1">
        <v>0</v>
      </c>
      <c r="CC12" s="1">
        <v>0</v>
      </c>
      <c r="CD12" s="1">
        <v>0</v>
      </c>
      <c r="CE12" s="1">
        <v>0</v>
      </c>
      <c r="CF12" s="1">
        <v>0</v>
      </c>
      <c r="CG12" s="1">
        <v>0</v>
      </c>
      <c r="CH12" s="1">
        <v>0</v>
      </c>
      <c r="CI12" s="1">
        <v>0</v>
      </c>
      <c r="CJ12" s="1">
        <v>0</v>
      </c>
      <c r="CK12" s="1">
        <v>0</v>
      </c>
      <c r="CL12" s="1">
        <v>0</v>
      </c>
      <c r="CM12" s="1">
        <v>0</v>
      </c>
      <c r="CN12" s="1">
        <v>0</v>
      </c>
      <c r="CO12" s="1">
        <v>0</v>
      </c>
      <c r="CP12" s="1">
        <v>3</v>
      </c>
      <c r="CQ12" s="1">
        <v>3</v>
      </c>
      <c r="CR12" s="1">
        <v>0</v>
      </c>
      <c r="CS12" s="1">
        <v>0</v>
      </c>
      <c r="CT12" s="1">
        <v>0</v>
      </c>
      <c r="CU12" s="1">
        <v>0</v>
      </c>
      <c r="CV12" s="1">
        <v>0</v>
      </c>
      <c r="CW12" s="1">
        <v>0</v>
      </c>
      <c r="CX12" s="1">
        <v>0</v>
      </c>
      <c r="CY12" s="1">
        <v>0</v>
      </c>
      <c r="CZ12" s="1">
        <v>0</v>
      </c>
      <c r="DA12" s="1">
        <v>0</v>
      </c>
      <c r="DB12" s="1">
        <v>0</v>
      </c>
      <c r="DC12" s="1">
        <v>0</v>
      </c>
      <c r="DD12" s="1">
        <v>0</v>
      </c>
      <c r="DE12" s="1">
        <v>3</v>
      </c>
    </row>
    <row r="13" spans="1:109" ht="10" customHeight="1">
      <c r="A13" s="26"/>
      <c r="B13" s="29"/>
      <c r="C13" s="28" t="s">
        <v>18</v>
      </c>
      <c r="D13" s="46">
        <v>0</v>
      </c>
      <c r="E13" s="1">
        <v>16600</v>
      </c>
      <c r="F13" s="1">
        <v>20193</v>
      </c>
      <c r="G13" s="1">
        <v>36000</v>
      </c>
      <c r="H13" s="1">
        <v>0</v>
      </c>
      <c r="I13" s="1">
        <v>1570</v>
      </c>
      <c r="J13" s="1">
        <v>1500</v>
      </c>
      <c r="K13" s="1">
        <v>0</v>
      </c>
      <c r="L13" s="1">
        <v>0</v>
      </c>
      <c r="M13" s="1">
        <v>46363</v>
      </c>
      <c r="N13" s="1">
        <v>34005</v>
      </c>
      <c r="O13" s="1">
        <v>0</v>
      </c>
      <c r="P13" s="1">
        <v>0</v>
      </c>
      <c r="Q13" s="1">
        <v>45231</v>
      </c>
      <c r="R13" s="1">
        <v>16710</v>
      </c>
      <c r="S13" s="1">
        <v>0</v>
      </c>
      <c r="T13" s="1">
        <v>13450</v>
      </c>
      <c r="U13" s="1">
        <v>0</v>
      </c>
      <c r="V13" s="1">
        <v>46380</v>
      </c>
      <c r="W13" s="1">
        <v>0</v>
      </c>
      <c r="X13" s="1">
        <v>0</v>
      </c>
      <c r="Y13" s="1">
        <v>6500</v>
      </c>
      <c r="Z13" s="1">
        <v>10700</v>
      </c>
      <c r="AA13" s="1">
        <v>0</v>
      </c>
      <c r="AB13" s="1">
        <v>9000</v>
      </c>
      <c r="AC13" s="1">
        <v>0</v>
      </c>
      <c r="AD13" s="1">
        <v>23300</v>
      </c>
      <c r="AE13" s="1">
        <v>0</v>
      </c>
      <c r="AF13" s="1">
        <v>17000</v>
      </c>
      <c r="AG13" s="1">
        <v>0</v>
      </c>
      <c r="AH13" s="1">
        <v>0</v>
      </c>
      <c r="AI13" s="1">
        <v>4895</v>
      </c>
      <c r="AJ13" s="1">
        <v>0</v>
      </c>
      <c r="AK13" s="1">
        <v>0</v>
      </c>
      <c r="AL13" s="1">
        <v>0</v>
      </c>
      <c r="AM13" s="1">
        <v>0</v>
      </c>
      <c r="AN13" s="1">
        <v>5000</v>
      </c>
      <c r="AO13" s="1">
        <v>2185</v>
      </c>
      <c r="AP13" s="1">
        <v>3900</v>
      </c>
      <c r="AQ13" s="1">
        <v>1260</v>
      </c>
      <c r="AR13" s="1">
        <v>0</v>
      </c>
      <c r="AS13" s="1">
        <v>7300</v>
      </c>
      <c r="AT13" s="1">
        <v>0</v>
      </c>
      <c r="AU13" s="1">
        <v>6000</v>
      </c>
      <c r="AV13" s="1">
        <v>0</v>
      </c>
      <c r="AW13" s="1">
        <v>0</v>
      </c>
      <c r="AX13" s="1">
        <v>0</v>
      </c>
      <c r="AY13" s="1">
        <v>7600</v>
      </c>
      <c r="AZ13" s="1">
        <v>0</v>
      </c>
      <c r="BA13" s="1">
        <v>0</v>
      </c>
      <c r="BB13" s="1">
        <v>0</v>
      </c>
      <c r="BC13" s="1">
        <v>8000</v>
      </c>
      <c r="BD13" s="1">
        <v>0</v>
      </c>
      <c r="BE13" s="1">
        <v>0</v>
      </c>
      <c r="BF13" s="1">
        <v>390642</v>
      </c>
      <c r="BG13" s="1">
        <v>0</v>
      </c>
      <c r="BH13" s="1">
        <v>0</v>
      </c>
      <c r="BI13" s="1">
        <v>0</v>
      </c>
      <c r="BJ13" s="1">
        <v>0</v>
      </c>
      <c r="BK13" s="1">
        <v>0</v>
      </c>
      <c r="BL13" s="1">
        <v>540</v>
      </c>
      <c r="BM13" s="1">
        <v>0</v>
      </c>
      <c r="BN13" s="1">
        <v>0</v>
      </c>
      <c r="BO13" s="1">
        <v>0</v>
      </c>
      <c r="BP13" s="1">
        <v>0</v>
      </c>
      <c r="BQ13" s="1">
        <v>0</v>
      </c>
      <c r="BR13" s="1">
        <v>0</v>
      </c>
      <c r="BS13" s="1">
        <v>540</v>
      </c>
      <c r="BT13" s="1">
        <v>0</v>
      </c>
      <c r="BU13" s="1">
        <v>4700</v>
      </c>
      <c r="BV13" s="1">
        <v>16500</v>
      </c>
      <c r="BW13" s="1">
        <v>0</v>
      </c>
      <c r="BX13" s="1">
        <v>0</v>
      </c>
      <c r="BY13" s="1">
        <v>0</v>
      </c>
      <c r="BZ13" s="1">
        <v>0</v>
      </c>
      <c r="CA13" s="1">
        <v>0</v>
      </c>
      <c r="CB13" s="1">
        <v>0</v>
      </c>
      <c r="CC13" s="1">
        <v>0</v>
      </c>
      <c r="CD13" s="1">
        <v>0</v>
      </c>
      <c r="CE13" s="1">
        <v>0</v>
      </c>
      <c r="CF13" s="1">
        <v>0</v>
      </c>
      <c r="CG13" s="1">
        <v>0</v>
      </c>
      <c r="CH13" s="1">
        <v>0</v>
      </c>
      <c r="CI13" s="1">
        <v>0</v>
      </c>
      <c r="CJ13" s="1">
        <v>0</v>
      </c>
      <c r="CK13" s="1">
        <v>3400</v>
      </c>
      <c r="CL13" s="1">
        <v>0</v>
      </c>
      <c r="CM13" s="1">
        <v>0</v>
      </c>
      <c r="CN13" s="1">
        <v>0</v>
      </c>
      <c r="CO13" s="1">
        <v>0</v>
      </c>
      <c r="CP13" s="1">
        <v>0</v>
      </c>
      <c r="CQ13" s="1">
        <v>24600</v>
      </c>
      <c r="CR13" s="1">
        <v>0</v>
      </c>
      <c r="CS13" s="1">
        <v>0</v>
      </c>
      <c r="CT13" s="1">
        <v>300</v>
      </c>
      <c r="CU13" s="1">
        <v>250</v>
      </c>
      <c r="CV13" s="1">
        <v>0</v>
      </c>
      <c r="CW13" s="1">
        <v>100</v>
      </c>
      <c r="CX13" s="1">
        <v>390</v>
      </c>
      <c r="CY13" s="1">
        <v>449</v>
      </c>
      <c r="CZ13" s="1">
        <v>0</v>
      </c>
      <c r="DA13" s="1">
        <v>0</v>
      </c>
      <c r="DB13" s="1">
        <v>0</v>
      </c>
      <c r="DC13" s="1">
        <v>0</v>
      </c>
      <c r="DD13" s="1">
        <v>1489</v>
      </c>
      <c r="DE13" s="1">
        <v>417271</v>
      </c>
    </row>
    <row r="14" spans="1:109" ht="10" customHeight="1">
      <c r="A14" s="26"/>
      <c r="B14" s="29"/>
      <c r="C14" s="28" t="s">
        <v>57</v>
      </c>
      <c r="D14" s="46">
        <v>0</v>
      </c>
      <c r="E14" s="1">
        <v>0</v>
      </c>
      <c r="F14" s="1">
        <v>0</v>
      </c>
      <c r="G14" s="1">
        <v>0</v>
      </c>
      <c r="H14" s="1">
        <v>0</v>
      </c>
      <c r="I14" s="1">
        <v>0</v>
      </c>
      <c r="J14" s="1">
        <v>0</v>
      </c>
      <c r="K14" s="1">
        <v>0</v>
      </c>
      <c r="L14" s="1">
        <v>0</v>
      </c>
      <c r="M14" s="1">
        <v>0</v>
      </c>
      <c r="N14" s="1">
        <v>0</v>
      </c>
      <c r="O14" s="1">
        <v>0</v>
      </c>
      <c r="P14" s="1">
        <v>0</v>
      </c>
      <c r="Q14" s="1">
        <v>0</v>
      </c>
      <c r="R14" s="1">
        <v>0</v>
      </c>
      <c r="S14" s="1">
        <v>0</v>
      </c>
      <c r="T14" s="1">
        <v>0</v>
      </c>
      <c r="U14" s="1">
        <v>0</v>
      </c>
      <c r="V14" s="1">
        <v>0</v>
      </c>
      <c r="W14" s="1">
        <v>0</v>
      </c>
      <c r="X14" s="1">
        <v>0</v>
      </c>
      <c r="Y14" s="1">
        <v>0</v>
      </c>
      <c r="Z14" s="1">
        <v>0</v>
      </c>
      <c r="AA14" s="1">
        <v>0</v>
      </c>
      <c r="AB14" s="1">
        <v>0</v>
      </c>
      <c r="AC14" s="1">
        <v>0</v>
      </c>
      <c r="AD14" s="1">
        <v>0</v>
      </c>
      <c r="AE14" s="1">
        <v>0</v>
      </c>
      <c r="AF14" s="1">
        <v>0</v>
      </c>
      <c r="AG14" s="1">
        <v>0</v>
      </c>
      <c r="AH14" s="1">
        <v>0</v>
      </c>
      <c r="AI14" s="1">
        <v>0</v>
      </c>
      <c r="AJ14" s="1">
        <v>0</v>
      </c>
      <c r="AK14" s="1">
        <v>0</v>
      </c>
      <c r="AL14" s="1">
        <v>0</v>
      </c>
      <c r="AM14" s="1">
        <v>0</v>
      </c>
      <c r="AN14" s="1">
        <v>0</v>
      </c>
      <c r="AO14" s="1">
        <v>1000</v>
      </c>
      <c r="AP14" s="1">
        <v>0</v>
      </c>
      <c r="AQ14" s="1">
        <v>0</v>
      </c>
      <c r="AR14" s="1">
        <v>0</v>
      </c>
      <c r="AS14" s="1">
        <v>0</v>
      </c>
      <c r="AT14" s="1">
        <v>0</v>
      </c>
      <c r="AU14" s="1">
        <v>0</v>
      </c>
      <c r="AV14" s="1">
        <v>0</v>
      </c>
      <c r="AW14" s="1">
        <v>0</v>
      </c>
      <c r="AX14" s="1">
        <v>0</v>
      </c>
      <c r="AY14" s="1">
        <v>0</v>
      </c>
      <c r="AZ14" s="1">
        <v>0</v>
      </c>
      <c r="BA14" s="1">
        <v>0</v>
      </c>
      <c r="BB14" s="1">
        <v>0</v>
      </c>
      <c r="BC14" s="1">
        <v>0</v>
      </c>
      <c r="BD14" s="1">
        <v>0</v>
      </c>
      <c r="BE14" s="1">
        <v>0</v>
      </c>
      <c r="BF14" s="1">
        <v>1000</v>
      </c>
      <c r="BG14" s="1">
        <v>0</v>
      </c>
      <c r="BH14" s="1">
        <v>0</v>
      </c>
      <c r="BI14" s="1">
        <v>0</v>
      </c>
      <c r="BJ14" s="1">
        <v>0</v>
      </c>
      <c r="BK14" s="1">
        <v>0</v>
      </c>
      <c r="BL14" s="1">
        <v>0</v>
      </c>
      <c r="BM14" s="1">
        <v>0</v>
      </c>
      <c r="BN14" s="1">
        <v>0</v>
      </c>
      <c r="BO14" s="1">
        <v>0</v>
      </c>
      <c r="BP14" s="1">
        <v>0</v>
      </c>
      <c r="BQ14" s="1">
        <v>0</v>
      </c>
      <c r="BR14" s="1">
        <v>0</v>
      </c>
      <c r="BS14" s="1">
        <v>0</v>
      </c>
      <c r="BT14" s="1">
        <v>0</v>
      </c>
      <c r="BU14" s="1">
        <v>0</v>
      </c>
      <c r="BV14" s="1">
        <v>0</v>
      </c>
      <c r="BW14" s="1">
        <v>0</v>
      </c>
      <c r="BX14" s="1">
        <v>0</v>
      </c>
      <c r="BY14" s="1">
        <v>0</v>
      </c>
      <c r="BZ14" s="1">
        <v>0</v>
      </c>
      <c r="CA14" s="1">
        <v>0</v>
      </c>
      <c r="CB14" s="1">
        <v>0</v>
      </c>
      <c r="CC14" s="1">
        <v>0</v>
      </c>
      <c r="CD14" s="1">
        <v>0</v>
      </c>
      <c r="CE14" s="1">
        <v>0</v>
      </c>
      <c r="CF14" s="1">
        <v>0</v>
      </c>
      <c r="CG14" s="1">
        <v>0</v>
      </c>
      <c r="CH14" s="1">
        <v>0</v>
      </c>
      <c r="CI14" s="1">
        <v>0</v>
      </c>
      <c r="CJ14" s="1">
        <v>0</v>
      </c>
      <c r="CK14" s="1">
        <v>0</v>
      </c>
      <c r="CL14" s="1">
        <v>0</v>
      </c>
      <c r="CM14" s="1">
        <v>0</v>
      </c>
      <c r="CN14" s="1">
        <v>0</v>
      </c>
      <c r="CO14" s="1">
        <v>0</v>
      </c>
      <c r="CP14" s="1">
        <v>0</v>
      </c>
      <c r="CQ14" s="1">
        <v>0</v>
      </c>
      <c r="CR14" s="1">
        <v>3669</v>
      </c>
      <c r="CS14" s="1">
        <v>0</v>
      </c>
      <c r="CT14" s="1">
        <v>567</v>
      </c>
      <c r="CU14" s="1">
        <v>820</v>
      </c>
      <c r="CV14" s="1">
        <v>500</v>
      </c>
      <c r="CW14" s="1">
        <v>200</v>
      </c>
      <c r="CX14" s="1">
        <v>400</v>
      </c>
      <c r="CY14" s="1">
        <v>1009</v>
      </c>
      <c r="CZ14" s="1">
        <v>0</v>
      </c>
      <c r="DA14" s="1">
        <v>2500</v>
      </c>
      <c r="DB14" s="1">
        <v>0</v>
      </c>
      <c r="DC14" s="1">
        <v>900</v>
      </c>
      <c r="DD14" s="1">
        <v>10565</v>
      </c>
      <c r="DE14" s="1">
        <v>11565</v>
      </c>
    </row>
    <row r="15" spans="1:109" ht="10" customHeight="1">
      <c r="A15" s="26"/>
      <c r="B15" s="29"/>
      <c r="C15" s="28" t="s">
        <v>58</v>
      </c>
      <c r="D15" s="46">
        <v>268272</v>
      </c>
      <c r="E15" s="1">
        <v>836085</v>
      </c>
      <c r="F15" s="1">
        <v>651693</v>
      </c>
      <c r="G15" s="1">
        <v>115059</v>
      </c>
      <c r="H15" s="1">
        <v>490455</v>
      </c>
      <c r="I15" s="1">
        <v>319653</v>
      </c>
      <c r="J15" s="1">
        <v>165232</v>
      </c>
      <c r="K15" s="1">
        <v>221732</v>
      </c>
      <c r="L15" s="1">
        <v>580383</v>
      </c>
      <c r="M15" s="1">
        <v>326498</v>
      </c>
      <c r="N15" s="1">
        <v>238889</v>
      </c>
      <c r="O15" s="1">
        <v>1221539</v>
      </c>
      <c r="P15" s="1">
        <v>582779</v>
      </c>
      <c r="Q15" s="1">
        <v>572140</v>
      </c>
      <c r="R15" s="1">
        <v>483461</v>
      </c>
      <c r="S15" s="1">
        <v>147941</v>
      </c>
      <c r="T15" s="1">
        <v>85498</v>
      </c>
      <c r="U15" s="1">
        <v>636722</v>
      </c>
      <c r="V15" s="1">
        <v>89214</v>
      </c>
      <c r="W15" s="1">
        <v>140623</v>
      </c>
      <c r="X15" s="1">
        <v>35813</v>
      </c>
      <c r="Y15" s="1">
        <v>219082</v>
      </c>
      <c r="Z15" s="1">
        <v>85047</v>
      </c>
      <c r="AA15" s="1">
        <v>19325</v>
      </c>
      <c r="AB15" s="1">
        <v>34522</v>
      </c>
      <c r="AC15" s="1">
        <v>27604</v>
      </c>
      <c r="AD15" s="1">
        <v>112011</v>
      </c>
      <c r="AE15" s="1">
        <v>1035516</v>
      </c>
      <c r="AF15" s="1">
        <v>308333</v>
      </c>
      <c r="AG15" s="1">
        <v>412672</v>
      </c>
      <c r="AH15" s="1">
        <v>132212</v>
      </c>
      <c r="AI15" s="1">
        <v>769909</v>
      </c>
      <c r="AJ15" s="1">
        <v>179386</v>
      </c>
      <c r="AK15" s="1">
        <v>195461</v>
      </c>
      <c r="AL15" s="1">
        <v>297626</v>
      </c>
      <c r="AM15" s="1">
        <v>15500</v>
      </c>
      <c r="AN15" s="1">
        <v>30174</v>
      </c>
      <c r="AO15" s="1">
        <v>53902</v>
      </c>
      <c r="AP15" s="1">
        <v>53457</v>
      </c>
      <c r="AQ15" s="1">
        <v>20034</v>
      </c>
      <c r="AR15" s="1">
        <v>84268</v>
      </c>
      <c r="AS15" s="1">
        <v>55170</v>
      </c>
      <c r="AT15" s="1">
        <v>227955</v>
      </c>
      <c r="AU15" s="1">
        <v>57787</v>
      </c>
      <c r="AV15" s="1">
        <v>12812</v>
      </c>
      <c r="AW15" s="1">
        <v>53220</v>
      </c>
      <c r="AX15" s="1">
        <v>41436</v>
      </c>
      <c r="AY15" s="1">
        <v>105957</v>
      </c>
      <c r="AZ15" s="1">
        <v>122940</v>
      </c>
      <c r="BA15" s="1">
        <v>147383</v>
      </c>
      <c r="BB15" s="1">
        <v>73932</v>
      </c>
      <c r="BC15" s="1">
        <v>146668</v>
      </c>
      <c r="BD15" s="1">
        <v>568413</v>
      </c>
      <c r="BE15" s="1">
        <v>317941</v>
      </c>
      <c r="BF15" s="1">
        <v>14227336</v>
      </c>
      <c r="BG15" s="1">
        <v>64066</v>
      </c>
      <c r="BH15" s="1">
        <v>0</v>
      </c>
      <c r="BI15" s="1">
        <v>0</v>
      </c>
      <c r="BJ15" s="1">
        <v>122022</v>
      </c>
      <c r="BK15" s="1">
        <v>56214</v>
      </c>
      <c r="BL15" s="1">
        <v>73337</v>
      </c>
      <c r="BM15" s="1">
        <v>14069</v>
      </c>
      <c r="BN15" s="1">
        <v>172283</v>
      </c>
      <c r="BO15" s="1">
        <v>48781</v>
      </c>
      <c r="BP15" s="1">
        <v>13543</v>
      </c>
      <c r="BQ15" s="1">
        <v>4115</v>
      </c>
      <c r="BR15" s="1">
        <v>351899</v>
      </c>
      <c r="BS15" s="1">
        <v>920329</v>
      </c>
      <c r="BT15" s="1">
        <v>219799</v>
      </c>
      <c r="BU15" s="1">
        <v>69913</v>
      </c>
      <c r="BV15" s="1">
        <v>204878</v>
      </c>
      <c r="BW15" s="1">
        <v>107454</v>
      </c>
      <c r="BX15" s="1">
        <v>93624</v>
      </c>
      <c r="BY15" s="1">
        <v>218645</v>
      </c>
      <c r="BZ15" s="1">
        <v>300278</v>
      </c>
      <c r="CA15" s="1">
        <v>70200</v>
      </c>
      <c r="CB15" s="1">
        <v>18034</v>
      </c>
      <c r="CC15" s="1">
        <v>30003</v>
      </c>
      <c r="CD15" s="1">
        <v>27463</v>
      </c>
      <c r="CE15" s="1">
        <v>50750</v>
      </c>
      <c r="CF15" s="1">
        <v>21160</v>
      </c>
      <c r="CG15" s="1">
        <v>26180</v>
      </c>
      <c r="CH15" s="1">
        <v>61151</v>
      </c>
      <c r="CI15" s="1">
        <v>63021</v>
      </c>
      <c r="CJ15" s="1">
        <v>221437</v>
      </c>
      <c r="CK15" s="1">
        <v>42710</v>
      </c>
      <c r="CL15" s="1">
        <v>116263</v>
      </c>
      <c r="CM15" s="1">
        <v>4689</v>
      </c>
      <c r="CN15" s="1">
        <v>50075</v>
      </c>
      <c r="CO15" s="1">
        <v>38296</v>
      </c>
      <c r="CP15" s="1">
        <v>2272</v>
      </c>
      <c r="CQ15" s="1">
        <v>2058295</v>
      </c>
      <c r="CR15" s="1">
        <v>64502</v>
      </c>
      <c r="CS15" s="1">
        <v>12140</v>
      </c>
      <c r="CT15" s="1">
        <v>27830</v>
      </c>
      <c r="CU15" s="1">
        <v>9250</v>
      </c>
      <c r="CV15" s="1">
        <v>12041</v>
      </c>
      <c r="CW15" s="1">
        <v>15164</v>
      </c>
      <c r="CX15" s="1">
        <v>60000</v>
      </c>
      <c r="CY15" s="1">
        <v>17839</v>
      </c>
      <c r="CZ15" s="1">
        <v>34449</v>
      </c>
      <c r="DA15" s="1">
        <v>12242</v>
      </c>
      <c r="DB15" s="1">
        <v>7459</v>
      </c>
      <c r="DC15" s="1">
        <v>12127</v>
      </c>
      <c r="DD15" s="1">
        <v>285043</v>
      </c>
      <c r="DE15" s="1">
        <v>17491003</v>
      </c>
    </row>
    <row r="16" spans="1:109" ht="10" customHeight="1">
      <c r="A16" s="26"/>
      <c r="B16" s="54"/>
      <c r="C16" s="28" t="s">
        <v>158</v>
      </c>
      <c r="D16" s="46">
        <v>3315350</v>
      </c>
      <c r="E16" s="1">
        <v>739774</v>
      </c>
      <c r="F16" s="1">
        <v>925718</v>
      </c>
      <c r="G16" s="1">
        <v>2802236</v>
      </c>
      <c r="H16" s="1">
        <v>320706</v>
      </c>
      <c r="I16" s="1">
        <v>212457</v>
      </c>
      <c r="J16" s="1">
        <v>1112616</v>
      </c>
      <c r="K16" s="1">
        <v>562662</v>
      </c>
      <c r="L16" s="1">
        <v>536989</v>
      </c>
      <c r="M16" s="1">
        <v>621935</v>
      </c>
      <c r="N16" s="1">
        <v>840051</v>
      </c>
      <c r="O16" s="1">
        <v>785859</v>
      </c>
      <c r="P16" s="1">
        <v>772817</v>
      </c>
      <c r="Q16" s="1">
        <v>256118</v>
      </c>
      <c r="R16" s="1">
        <v>645410</v>
      </c>
      <c r="S16" s="1">
        <v>598422</v>
      </c>
      <c r="T16" s="1">
        <v>952890</v>
      </c>
      <c r="U16" s="1">
        <v>1824705</v>
      </c>
      <c r="V16" s="1">
        <v>1779913</v>
      </c>
      <c r="W16" s="1">
        <v>396671</v>
      </c>
      <c r="X16" s="1">
        <v>454828</v>
      </c>
      <c r="Y16" s="1">
        <v>471222</v>
      </c>
      <c r="Z16" s="1">
        <v>682116</v>
      </c>
      <c r="AA16" s="1">
        <v>609432</v>
      </c>
      <c r="AB16" s="1">
        <v>168013</v>
      </c>
      <c r="AC16" s="1">
        <v>1202231</v>
      </c>
      <c r="AD16" s="1">
        <v>807410</v>
      </c>
      <c r="AE16" s="1">
        <v>1078966</v>
      </c>
      <c r="AF16" s="1">
        <v>190669</v>
      </c>
      <c r="AG16" s="1">
        <v>1161798</v>
      </c>
      <c r="AH16" s="1">
        <v>327635</v>
      </c>
      <c r="AI16" s="1">
        <v>734349</v>
      </c>
      <c r="AJ16" s="1">
        <v>241275</v>
      </c>
      <c r="AK16" s="1">
        <v>343986</v>
      </c>
      <c r="AL16" s="1">
        <v>241340</v>
      </c>
      <c r="AM16" s="1">
        <v>679779</v>
      </c>
      <c r="AN16" s="1">
        <v>379091</v>
      </c>
      <c r="AO16" s="1">
        <v>307011</v>
      </c>
      <c r="AP16" s="1">
        <v>379408</v>
      </c>
      <c r="AQ16" s="1">
        <v>153447</v>
      </c>
      <c r="AR16" s="1">
        <v>65359</v>
      </c>
      <c r="AS16" s="1">
        <v>154479</v>
      </c>
      <c r="AT16" s="1">
        <v>150803</v>
      </c>
      <c r="AU16" s="1">
        <v>194396</v>
      </c>
      <c r="AV16" s="1">
        <v>103992</v>
      </c>
      <c r="AW16" s="1">
        <v>39620</v>
      </c>
      <c r="AX16" s="1">
        <v>2271</v>
      </c>
      <c r="AY16" s="1">
        <v>51278</v>
      </c>
      <c r="AZ16" s="1">
        <v>189729</v>
      </c>
      <c r="BA16" s="1">
        <v>665282</v>
      </c>
      <c r="BB16" s="1">
        <v>352678</v>
      </c>
      <c r="BC16" s="1">
        <v>166129</v>
      </c>
      <c r="BD16" s="1">
        <v>1139584</v>
      </c>
      <c r="BE16" s="1">
        <v>880849</v>
      </c>
      <c r="BF16" s="1">
        <v>34773754</v>
      </c>
      <c r="BG16" s="1">
        <v>6216</v>
      </c>
      <c r="BH16" s="1">
        <v>0</v>
      </c>
      <c r="BI16" s="1">
        <v>13210</v>
      </c>
      <c r="BJ16" s="1">
        <v>53897</v>
      </c>
      <c r="BK16" s="1">
        <v>30816</v>
      </c>
      <c r="BL16" s="1">
        <v>38362</v>
      </c>
      <c r="BM16" s="1">
        <v>63362</v>
      </c>
      <c r="BN16" s="1">
        <v>86382</v>
      </c>
      <c r="BO16" s="1">
        <v>18336</v>
      </c>
      <c r="BP16" s="1">
        <v>5073</v>
      </c>
      <c r="BQ16" s="1">
        <v>45804</v>
      </c>
      <c r="BR16" s="1">
        <v>33884</v>
      </c>
      <c r="BS16" s="1">
        <v>395342</v>
      </c>
      <c r="BT16" s="1">
        <v>213687</v>
      </c>
      <c r="BU16" s="1">
        <v>62993</v>
      </c>
      <c r="BV16" s="1">
        <v>409868</v>
      </c>
      <c r="BW16" s="1">
        <v>51829</v>
      </c>
      <c r="BX16" s="1">
        <v>51933</v>
      </c>
      <c r="BY16" s="1">
        <v>273883</v>
      </c>
      <c r="BZ16" s="1">
        <v>167227</v>
      </c>
      <c r="CA16" s="1">
        <v>50911</v>
      </c>
      <c r="CB16" s="1">
        <v>11711</v>
      </c>
      <c r="CC16" s="1">
        <v>8617</v>
      </c>
      <c r="CD16" s="1">
        <v>19740</v>
      </c>
      <c r="CE16" s="1">
        <v>25830</v>
      </c>
      <c r="CF16" s="1">
        <v>15620</v>
      </c>
      <c r="CG16" s="1">
        <v>22982</v>
      </c>
      <c r="CH16" s="1">
        <v>26973</v>
      </c>
      <c r="CI16" s="1">
        <v>38232</v>
      </c>
      <c r="CJ16" s="1">
        <v>136059</v>
      </c>
      <c r="CK16" s="1">
        <v>21066</v>
      </c>
      <c r="CL16" s="1">
        <v>111752</v>
      </c>
      <c r="CM16" s="1">
        <v>5088</v>
      </c>
      <c r="CN16" s="1">
        <v>43614</v>
      </c>
      <c r="CO16" s="1">
        <v>17329</v>
      </c>
      <c r="CP16" s="1">
        <v>4344</v>
      </c>
      <c r="CQ16" s="1">
        <v>1791288</v>
      </c>
      <c r="CR16" s="1">
        <v>40486</v>
      </c>
      <c r="CS16" s="1">
        <v>4695</v>
      </c>
      <c r="CT16" s="1">
        <v>33479</v>
      </c>
      <c r="CU16" s="1">
        <v>241</v>
      </c>
      <c r="CV16" s="1">
        <v>551</v>
      </c>
      <c r="CW16" s="1">
        <v>6913</v>
      </c>
      <c r="CX16" s="1">
        <v>25658</v>
      </c>
      <c r="CY16" s="1">
        <v>6201</v>
      </c>
      <c r="CZ16" s="1">
        <v>37515</v>
      </c>
      <c r="DA16" s="1">
        <v>6990</v>
      </c>
      <c r="DB16" s="1">
        <v>1514</v>
      </c>
      <c r="DC16" s="1">
        <v>3148</v>
      </c>
      <c r="DD16" s="1">
        <v>167391</v>
      </c>
      <c r="DE16" s="1">
        <v>37127775</v>
      </c>
    </row>
    <row r="17" spans="1:109" ht="10" customHeight="1">
      <c r="A17" s="26"/>
      <c r="B17" s="29"/>
      <c r="C17" s="28" t="s">
        <v>159</v>
      </c>
      <c r="D17" s="46">
        <v>0</v>
      </c>
      <c r="E17" s="1">
        <v>0</v>
      </c>
      <c r="F17" s="1">
        <v>0</v>
      </c>
      <c r="G17" s="1">
        <v>0</v>
      </c>
      <c r="H17" s="1">
        <v>0</v>
      </c>
      <c r="I17" s="1">
        <v>0</v>
      </c>
      <c r="J17" s="1">
        <v>0</v>
      </c>
      <c r="K17" s="1">
        <v>0</v>
      </c>
      <c r="L17" s="1">
        <v>0</v>
      </c>
      <c r="M17" s="1">
        <v>0</v>
      </c>
      <c r="N17" s="1">
        <v>0</v>
      </c>
      <c r="O17" s="1">
        <v>0</v>
      </c>
      <c r="P17" s="1">
        <v>0</v>
      </c>
      <c r="Q17" s="1">
        <v>0</v>
      </c>
      <c r="R17" s="1">
        <v>0</v>
      </c>
      <c r="S17" s="1">
        <v>0</v>
      </c>
      <c r="T17" s="1">
        <v>0</v>
      </c>
      <c r="U17" s="1">
        <v>0</v>
      </c>
      <c r="V17" s="1">
        <v>0</v>
      </c>
      <c r="W17" s="1">
        <v>0</v>
      </c>
      <c r="X17" s="1">
        <v>0</v>
      </c>
      <c r="Y17" s="1">
        <v>26418</v>
      </c>
      <c r="Z17" s="1">
        <v>0</v>
      </c>
      <c r="AA17" s="1">
        <v>0</v>
      </c>
      <c r="AB17" s="1">
        <v>0</v>
      </c>
      <c r="AC17" s="1">
        <v>0</v>
      </c>
      <c r="AD17" s="1">
        <v>0</v>
      </c>
      <c r="AE17" s="1">
        <v>0</v>
      </c>
      <c r="AF17" s="1">
        <v>0</v>
      </c>
      <c r="AG17" s="1">
        <v>0</v>
      </c>
      <c r="AH17" s="1">
        <v>0</v>
      </c>
      <c r="AI17" s="1">
        <v>0</v>
      </c>
      <c r="AJ17" s="1">
        <v>0</v>
      </c>
      <c r="AK17" s="1">
        <v>0</v>
      </c>
      <c r="AL17" s="1">
        <v>0</v>
      </c>
      <c r="AM17" s="1">
        <v>0</v>
      </c>
      <c r="AN17" s="1">
        <v>0</v>
      </c>
      <c r="AO17" s="1">
        <v>0</v>
      </c>
      <c r="AP17" s="1">
        <v>0</v>
      </c>
      <c r="AQ17" s="1">
        <v>0</v>
      </c>
      <c r="AR17" s="1">
        <v>0</v>
      </c>
      <c r="AS17" s="1">
        <v>0</v>
      </c>
      <c r="AT17" s="1">
        <v>0</v>
      </c>
      <c r="AU17" s="1">
        <v>0</v>
      </c>
      <c r="AV17" s="1">
        <v>0</v>
      </c>
      <c r="AW17" s="1">
        <v>0</v>
      </c>
      <c r="AX17" s="1">
        <v>0</v>
      </c>
      <c r="AY17" s="1">
        <v>0</v>
      </c>
      <c r="AZ17" s="1">
        <v>0</v>
      </c>
      <c r="BA17" s="1">
        <v>0</v>
      </c>
      <c r="BB17" s="1">
        <v>174960</v>
      </c>
      <c r="BC17" s="1">
        <v>0</v>
      </c>
      <c r="BD17" s="1">
        <v>0</v>
      </c>
      <c r="BE17" s="1">
        <v>0</v>
      </c>
      <c r="BF17" s="1">
        <v>201378</v>
      </c>
      <c r="BG17" s="1">
        <v>0</v>
      </c>
      <c r="BH17" s="1">
        <v>0</v>
      </c>
      <c r="BI17" s="1">
        <v>0</v>
      </c>
      <c r="BJ17" s="1">
        <v>0</v>
      </c>
      <c r="BK17" s="1">
        <v>0</v>
      </c>
      <c r="BL17" s="1">
        <v>0</v>
      </c>
      <c r="BM17" s="1">
        <v>0</v>
      </c>
      <c r="BN17" s="1">
        <v>0</v>
      </c>
      <c r="BO17" s="1">
        <v>0</v>
      </c>
      <c r="BP17" s="1">
        <v>0</v>
      </c>
      <c r="BQ17" s="1">
        <v>21790</v>
      </c>
      <c r="BR17" s="1">
        <v>0</v>
      </c>
      <c r="BS17" s="1">
        <v>21790</v>
      </c>
      <c r="BT17" s="1">
        <v>0</v>
      </c>
      <c r="BU17" s="1">
        <v>0</v>
      </c>
      <c r="BV17" s="1">
        <v>0</v>
      </c>
      <c r="BW17" s="1">
        <v>0</v>
      </c>
      <c r="BX17" s="1">
        <v>0</v>
      </c>
      <c r="BY17" s="1">
        <v>0</v>
      </c>
      <c r="BZ17" s="1">
        <v>0</v>
      </c>
      <c r="CA17" s="1">
        <v>0</v>
      </c>
      <c r="CB17" s="1">
        <v>0</v>
      </c>
      <c r="CC17" s="1">
        <v>0</v>
      </c>
      <c r="CD17" s="1">
        <v>0</v>
      </c>
      <c r="CE17" s="1">
        <v>0</v>
      </c>
      <c r="CF17" s="1">
        <v>0</v>
      </c>
      <c r="CG17" s="1">
        <v>0</v>
      </c>
      <c r="CH17" s="1">
        <v>0</v>
      </c>
      <c r="CI17" s="1">
        <v>0</v>
      </c>
      <c r="CJ17" s="1">
        <v>0</v>
      </c>
      <c r="CK17" s="1">
        <v>0</v>
      </c>
      <c r="CL17" s="1">
        <v>0</v>
      </c>
      <c r="CM17" s="1">
        <v>0</v>
      </c>
      <c r="CN17" s="1">
        <v>0</v>
      </c>
      <c r="CO17" s="1">
        <v>0</v>
      </c>
      <c r="CP17" s="1">
        <v>0</v>
      </c>
      <c r="CQ17" s="1">
        <v>0</v>
      </c>
      <c r="CR17" s="1">
        <v>0</v>
      </c>
      <c r="CS17" s="1">
        <v>0</v>
      </c>
      <c r="CT17" s="1">
        <v>0</v>
      </c>
      <c r="CU17" s="1">
        <v>0</v>
      </c>
      <c r="CV17" s="1">
        <v>0</v>
      </c>
      <c r="CW17" s="1">
        <v>0</v>
      </c>
      <c r="CX17" s="1">
        <v>0</v>
      </c>
      <c r="CY17" s="1">
        <v>0</v>
      </c>
      <c r="CZ17" s="1">
        <v>0</v>
      </c>
      <c r="DA17" s="1">
        <v>0</v>
      </c>
      <c r="DB17" s="1">
        <v>0</v>
      </c>
      <c r="DC17" s="1">
        <v>0</v>
      </c>
      <c r="DD17" s="1">
        <v>0</v>
      </c>
      <c r="DE17" s="1">
        <v>223168</v>
      </c>
    </row>
    <row r="18" spans="1:109" ht="10" customHeight="1">
      <c r="A18" s="26"/>
      <c r="B18" s="55"/>
      <c r="C18" s="28" t="s">
        <v>59</v>
      </c>
      <c r="D18" s="46">
        <v>6408</v>
      </c>
      <c r="E18" s="1">
        <v>29758</v>
      </c>
      <c r="F18" s="1">
        <v>536</v>
      </c>
      <c r="G18" s="1">
        <v>2187</v>
      </c>
      <c r="H18" s="1">
        <v>190</v>
      </c>
      <c r="I18" s="1">
        <v>476</v>
      </c>
      <c r="J18" s="1">
        <v>8433</v>
      </c>
      <c r="K18" s="1">
        <v>82522</v>
      </c>
      <c r="L18" s="1">
        <v>918</v>
      </c>
      <c r="M18" s="1">
        <v>640</v>
      </c>
      <c r="N18" s="1">
        <v>5496</v>
      </c>
      <c r="O18" s="1">
        <v>287</v>
      </c>
      <c r="P18" s="1">
        <v>53</v>
      </c>
      <c r="Q18" s="1">
        <v>66</v>
      </c>
      <c r="R18" s="1">
        <v>341</v>
      </c>
      <c r="S18" s="1">
        <v>71020</v>
      </c>
      <c r="T18" s="1">
        <v>37</v>
      </c>
      <c r="U18" s="1">
        <v>38530</v>
      </c>
      <c r="V18" s="1">
        <v>2294</v>
      </c>
      <c r="W18" s="1">
        <v>85</v>
      </c>
      <c r="X18" s="1">
        <v>839</v>
      </c>
      <c r="Y18" s="1">
        <v>1039</v>
      </c>
      <c r="Z18" s="1">
        <v>261</v>
      </c>
      <c r="AA18" s="1">
        <v>144</v>
      </c>
      <c r="AB18" s="1">
        <v>4061</v>
      </c>
      <c r="AC18" s="1">
        <v>146</v>
      </c>
      <c r="AD18" s="1">
        <v>42</v>
      </c>
      <c r="AE18" s="1">
        <v>6379</v>
      </c>
      <c r="AF18" s="1">
        <v>547</v>
      </c>
      <c r="AG18" s="1">
        <v>3675</v>
      </c>
      <c r="AH18" s="1">
        <v>6611</v>
      </c>
      <c r="AI18" s="1">
        <v>904</v>
      </c>
      <c r="AJ18" s="1">
        <v>70</v>
      </c>
      <c r="AK18" s="1">
        <v>3282</v>
      </c>
      <c r="AL18" s="1">
        <v>1305</v>
      </c>
      <c r="AM18" s="1">
        <v>212</v>
      </c>
      <c r="AN18" s="1">
        <v>142</v>
      </c>
      <c r="AO18" s="1">
        <v>223</v>
      </c>
      <c r="AP18" s="1">
        <v>24</v>
      </c>
      <c r="AQ18" s="1">
        <v>1334</v>
      </c>
      <c r="AR18" s="1">
        <v>0</v>
      </c>
      <c r="AS18" s="1">
        <v>282</v>
      </c>
      <c r="AT18" s="1">
        <v>482</v>
      </c>
      <c r="AU18" s="1">
        <v>17</v>
      </c>
      <c r="AV18" s="1">
        <v>12</v>
      </c>
      <c r="AW18" s="1">
        <v>0</v>
      </c>
      <c r="AX18" s="1">
        <v>114</v>
      </c>
      <c r="AY18" s="1">
        <v>95</v>
      </c>
      <c r="AZ18" s="1">
        <v>238</v>
      </c>
      <c r="BA18" s="1">
        <v>32</v>
      </c>
      <c r="BB18" s="1">
        <v>9</v>
      </c>
      <c r="BC18" s="1">
        <v>35</v>
      </c>
      <c r="BD18" s="1">
        <v>1996</v>
      </c>
      <c r="BE18" s="1">
        <v>803</v>
      </c>
      <c r="BF18" s="1">
        <v>285632</v>
      </c>
      <c r="BG18" s="1">
        <v>0</v>
      </c>
      <c r="BH18" s="1">
        <v>0</v>
      </c>
      <c r="BI18" s="1">
        <v>0</v>
      </c>
      <c r="BJ18" s="1">
        <v>102</v>
      </c>
      <c r="BK18" s="1">
        <v>0</v>
      </c>
      <c r="BL18" s="1">
        <v>3458</v>
      </c>
      <c r="BM18" s="1">
        <v>3</v>
      </c>
      <c r="BN18" s="1">
        <v>5</v>
      </c>
      <c r="BO18" s="1">
        <v>577</v>
      </c>
      <c r="BP18" s="1">
        <v>5</v>
      </c>
      <c r="BQ18" s="1">
        <v>0</v>
      </c>
      <c r="BR18" s="1">
        <v>185</v>
      </c>
      <c r="BS18" s="1">
        <v>4335</v>
      </c>
      <c r="BT18" s="1">
        <v>134</v>
      </c>
      <c r="BU18" s="1">
        <v>1</v>
      </c>
      <c r="BV18" s="1">
        <v>118</v>
      </c>
      <c r="BW18" s="1">
        <v>4</v>
      </c>
      <c r="BX18" s="1">
        <v>0</v>
      </c>
      <c r="BY18" s="1">
        <v>524</v>
      </c>
      <c r="BZ18" s="1">
        <v>36</v>
      </c>
      <c r="CA18" s="1">
        <v>107</v>
      </c>
      <c r="CB18" s="1">
        <v>910</v>
      </c>
      <c r="CC18" s="1">
        <v>0</v>
      </c>
      <c r="CD18" s="1">
        <v>3</v>
      </c>
      <c r="CE18" s="1">
        <v>33</v>
      </c>
      <c r="CF18" s="1">
        <v>0</v>
      </c>
      <c r="CG18" s="1">
        <v>60</v>
      </c>
      <c r="CH18" s="1">
        <v>0</v>
      </c>
      <c r="CI18" s="1">
        <v>0</v>
      </c>
      <c r="CJ18" s="1">
        <v>4</v>
      </c>
      <c r="CK18" s="1">
        <v>0</v>
      </c>
      <c r="CL18" s="1">
        <v>0</v>
      </c>
      <c r="CM18" s="1">
        <v>0</v>
      </c>
      <c r="CN18" s="1">
        <v>1</v>
      </c>
      <c r="CO18" s="1">
        <v>1</v>
      </c>
      <c r="CP18" s="1">
        <v>0</v>
      </c>
      <c r="CQ18" s="1">
        <v>1936</v>
      </c>
      <c r="CR18" s="1">
        <v>159</v>
      </c>
      <c r="CS18" s="1">
        <v>0</v>
      </c>
      <c r="CT18" s="1">
        <v>0</v>
      </c>
      <c r="CU18" s="1">
        <v>0</v>
      </c>
      <c r="CV18" s="1">
        <v>0</v>
      </c>
      <c r="CW18" s="1">
        <v>3</v>
      </c>
      <c r="CX18" s="1">
        <v>21</v>
      </c>
      <c r="CY18" s="1">
        <v>0</v>
      </c>
      <c r="CZ18" s="1">
        <v>0</v>
      </c>
      <c r="DA18" s="1">
        <v>0</v>
      </c>
      <c r="DB18" s="1">
        <v>0</v>
      </c>
      <c r="DC18" s="1">
        <v>0</v>
      </c>
      <c r="DD18" s="1">
        <v>183</v>
      </c>
      <c r="DE18" s="1">
        <v>292086</v>
      </c>
    </row>
    <row r="19" spans="1:109" ht="10" customHeight="1">
      <c r="A19" s="26"/>
      <c r="B19" s="153" t="s">
        <v>60</v>
      </c>
      <c r="C19" s="152"/>
      <c r="D19" s="46">
        <v>235</v>
      </c>
      <c r="E19" s="1">
        <v>23165</v>
      </c>
      <c r="F19" s="1">
        <v>5902</v>
      </c>
      <c r="G19" s="1">
        <v>38</v>
      </c>
      <c r="H19" s="1">
        <v>0</v>
      </c>
      <c r="I19" s="1">
        <v>1</v>
      </c>
      <c r="J19" s="1">
        <v>23222</v>
      </c>
      <c r="K19" s="1">
        <v>7678</v>
      </c>
      <c r="L19" s="1">
        <v>0</v>
      </c>
      <c r="M19" s="1">
        <v>0</v>
      </c>
      <c r="N19" s="1">
        <v>0</v>
      </c>
      <c r="O19" s="1">
        <v>4</v>
      </c>
      <c r="P19" s="1">
        <v>242</v>
      </c>
      <c r="Q19" s="1">
        <v>0</v>
      </c>
      <c r="R19" s="1">
        <v>0</v>
      </c>
      <c r="S19" s="1">
        <v>5364</v>
      </c>
      <c r="T19" s="1">
        <v>0</v>
      </c>
      <c r="U19" s="1">
        <v>0</v>
      </c>
      <c r="V19" s="1">
        <v>874</v>
      </c>
      <c r="W19" s="1">
        <v>156</v>
      </c>
      <c r="X19" s="1">
        <v>90</v>
      </c>
      <c r="Y19" s="1">
        <v>0</v>
      </c>
      <c r="Z19" s="1">
        <v>50650</v>
      </c>
      <c r="AA19" s="1">
        <v>0</v>
      </c>
      <c r="AB19" s="1">
        <v>163</v>
      </c>
      <c r="AC19" s="1">
        <v>124</v>
      </c>
      <c r="AD19" s="1">
        <v>0</v>
      </c>
      <c r="AE19" s="1">
        <v>0</v>
      </c>
      <c r="AF19" s="1">
        <v>1137</v>
      </c>
      <c r="AG19" s="1">
        <v>1</v>
      </c>
      <c r="AH19" s="1">
        <v>1788</v>
      </c>
      <c r="AI19" s="1">
        <v>295</v>
      </c>
      <c r="AJ19" s="1">
        <v>0</v>
      </c>
      <c r="AK19" s="1">
        <v>0</v>
      </c>
      <c r="AL19" s="1">
        <v>0</v>
      </c>
      <c r="AM19" s="1">
        <v>418</v>
      </c>
      <c r="AN19" s="1">
        <v>4420</v>
      </c>
      <c r="AO19" s="1">
        <v>0</v>
      </c>
      <c r="AP19" s="1">
        <v>0</v>
      </c>
      <c r="AQ19" s="1">
        <v>0</v>
      </c>
      <c r="AR19" s="1">
        <v>0</v>
      </c>
      <c r="AS19" s="1">
        <v>0</v>
      </c>
      <c r="AT19" s="1">
        <v>0</v>
      </c>
      <c r="AU19" s="1">
        <v>0</v>
      </c>
      <c r="AV19" s="1">
        <v>0</v>
      </c>
      <c r="AW19" s="1">
        <v>0</v>
      </c>
      <c r="AX19" s="1">
        <v>0</v>
      </c>
      <c r="AY19" s="1">
        <v>0</v>
      </c>
      <c r="AZ19" s="1">
        <v>0</v>
      </c>
      <c r="BA19" s="1">
        <v>54</v>
      </c>
      <c r="BB19" s="1">
        <v>0</v>
      </c>
      <c r="BC19" s="1">
        <v>0</v>
      </c>
      <c r="BD19" s="1">
        <v>236</v>
      </c>
      <c r="BE19" s="1">
        <v>0</v>
      </c>
      <c r="BF19" s="1">
        <v>126257</v>
      </c>
      <c r="BG19" s="1">
        <v>0</v>
      </c>
      <c r="BH19" s="1">
        <v>0</v>
      </c>
      <c r="BI19" s="1">
        <v>0</v>
      </c>
      <c r="BJ19" s="1">
        <v>0</v>
      </c>
      <c r="BK19" s="1">
        <v>0</v>
      </c>
      <c r="BL19" s="1">
        <v>0</v>
      </c>
      <c r="BM19" s="1">
        <v>0</v>
      </c>
      <c r="BN19" s="1">
        <v>0</v>
      </c>
      <c r="BO19" s="1">
        <v>0</v>
      </c>
      <c r="BP19" s="1">
        <v>0</v>
      </c>
      <c r="BQ19" s="1">
        <v>0</v>
      </c>
      <c r="BR19" s="1">
        <v>0</v>
      </c>
      <c r="BS19" s="1">
        <v>0</v>
      </c>
      <c r="BT19" s="1">
        <v>0</v>
      </c>
      <c r="BU19" s="1">
        <v>0</v>
      </c>
      <c r="BV19" s="1">
        <v>0</v>
      </c>
      <c r="BW19" s="1">
        <v>0</v>
      </c>
      <c r="BX19" s="1">
        <v>0</v>
      </c>
      <c r="BY19" s="1">
        <v>8356</v>
      </c>
      <c r="BZ19" s="1">
        <v>0</v>
      </c>
      <c r="CA19" s="1">
        <v>0</v>
      </c>
      <c r="CB19" s="1">
        <v>0</v>
      </c>
      <c r="CC19" s="1">
        <v>0</v>
      </c>
      <c r="CD19" s="1">
        <v>3632</v>
      </c>
      <c r="CE19" s="1">
        <v>0</v>
      </c>
      <c r="CF19" s="1">
        <v>0</v>
      </c>
      <c r="CG19" s="1">
        <v>0</v>
      </c>
      <c r="CH19" s="1">
        <v>0</v>
      </c>
      <c r="CI19" s="1">
        <v>0</v>
      </c>
      <c r="CJ19" s="1">
        <v>0</v>
      </c>
      <c r="CK19" s="1">
        <v>0</v>
      </c>
      <c r="CL19" s="1">
        <v>0</v>
      </c>
      <c r="CM19" s="1">
        <v>0</v>
      </c>
      <c r="CN19" s="1">
        <v>0</v>
      </c>
      <c r="CO19" s="1">
        <v>0</v>
      </c>
      <c r="CP19" s="1">
        <v>1415</v>
      </c>
      <c r="CQ19" s="1">
        <v>13403</v>
      </c>
      <c r="CR19" s="1">
        <v>204</v>
      </c>
      <c r="CS19" s="1">
        <v>0</v>
      </c>
      <c r="CT19" s="1">
        <v>1532</v>
      </c>
      <c r="CU19" s="1">
        <v>0</v>
      </c>
      <c r="CV19" s="1">
        <v>0</v>
      </c>
      <c r="CW19" s="1">
        <v>0</v>
      </c>
      <c r="CX19" s="1">
        <v>823</v>
      </c>
      <c r="CY19" s="1">
        <v>0</v>
      </c>
      <c r="CZ19" s="1">
        <v>0</v>
      </c>
      <c r="DA19" s="1">
        <v>0</v>
      </c>
      <c r="DB19" s="1">
        <v>0</v>
      </c>
      <c r="DC19" s="1">
        <v>1952</v>
      </c>
      <c r="DD19" s="1">
        <v>4511</v>
      </c>
      <c r="DE19" s="1">
        <v>144171</v>
      </c>
    </row>
    <row r="20" spans="1:109" ht="10" customHeight="1">
      <c r="A20" s="26"/>
      <c r="B20" s="54"/>
      <c r="C20" s="28" t="s">
        <v>61</v>
      </c>
      <c r="D20" s="46">
        <v>0</v>
      </c>
      <c r="E20" s="1">
        <v>0</v>
      </c>
      <c r="F20" s="1">
        <v>0</v>
      </c>
      <c r="G20" s="1">
        <v>0</v>
      </c>
      <c r="H20" s="1">
        <v>0</v>
      </c>
      <c r="I20" s="1">
        <v>0</v>
      </c>
      <c r="J20" s="1">
        <v>0</v>
      </c>
      <c r="K20" s="1">
        <v>0</v>
      </c>
      <c r="L20" s="1">
        <v>0</v>
      </c>
      <c r="M20" s="1">
        <v>0</v>
      </c>
      <c r="N20" s="1">
        <v>0</v>
      </c>
      <c r="O20" s="1">
        <v>0</v>
      </c>
      <c r="P20" s="1">
        <v>0</v>
      </c>
      <c r="Q20" s="1">
        <v>0</v>
      </c>
      <c r="R20" s="1">
        <v>0</v>
      </c>
      <c r="S20" s="1">
        <v>0</v>
      </c>
      <c r="T20" s="1">
        <v>0</v>
      </c>
      <c r="U20" s="1">
        <v>0</v>
      </c>
      <c r="V20" s="1">
        <v>0</v>
      </c>
      <c r="W20" s="1">
        <v>0</v>
      </c>
      <c r="X20" s="1">
        <v>0</v>
      </c>
      <c r="Y20" s="1">
        <v>0</v>
      </c>
      <c r="Z20" s="1">
        <v>49185</v>
      </c>
      <c r="AA20" s="1">
        <v>0</v>
      </c>
      <c r="AB20" s="1">
        <v>0</v>
      </c>
      <c r="AC20" s="1">
        <v>0</v>
      </c>
      <c r="AD20" s="1">
        <v>0</v>
      </c>
      <c r="AE20" s="1">
        <v>0</v>
      </c>
      <c r="AF20" s="1">
        <v>0</v>
      </c>
      <c r="AG20" s="1">
        <v>0</v>
      </c>
      <c r="AH20" s="1">
        <v>0</v>
      </c>
      <c r="AI20" s="1">
        <v>0</v>
      </c>
      <c r="AJ20" s="1">
        <v>0</v>
      </c>
      <c r="AK20" s="1">
        <v>0</v>
      </c>
      <c r="AL20" s="1">
        <v>0</v>
      </c>
      <c r="AM20" s="1">
        <v>351</v>
      </c>
      <c r="AN20" s="1">
        <v>0</v>
      </c>
      <c r="AO20" s="1">
        <v>0</v>
      </c>
      <c r="AP20" s="1">
        <v>0</v>
      </c>
      <c r="AQ20" s="1">
        <v>0</v>
      </c>
      <c r="AR20" s="1">
        <v>0</v>
      </c>
      <c r="AS20" s="1">
        <v>0</v>
      </c>
      <c r="AT20" s="1">
        <v>0</v>
      </c>
      <c r="AU20" s="1">
        <v>0</v>
      </c>
      <c r="AV20" s="1">
        <v>0</v>
      </c>
      <c r="AW20" s="1">
        <v>0</v>
      </c>
      <c r="AX20" s="1">
        <v>0</v>
      </c>
      <c r="AY20" s="1">
        <v>0</v>
      </c>
      <c r="AZ20" s="1">
        <v>0</v>
      </c>
      <c r="BA20" s="1">
        <v>0</v>
      </c>
      <c r="BB20" s="1">
        <v>0</v>
      </c>
      <c r="BC20" s="1">
        <v>0</v>
      </c>
      <c r="BD20" s="1">
        <v>0</v>
      </c>
      <c r="BE20" s="1">
        <v>0</v>
      </c>
      <c r="BF20" s="1">
        <v>49536</v>
      </c>
      <c r="BG20" s="1">
        <v>0</v>
      </c>
      <c r="BH20" s="1">
        <v>0</v>
      </c>
      <c r="BI20" s="1">
        <v>0</v>
      </c>
      <c r="BJ20" s="1">
        <v>0</v>
      </c>
      <c r="BK20" s="1">
        <v>0</v>
      </c>
      <c r="BL20" s="1">
        <v>0</v>
      </c>
      <c r="BM20" s="1">
        <v>0</v>
      </c>
      <c r="BN20" s="1">
        <v>0</v>
      </c>
      <c r="BO20" s="1">
        <v>0</v>
      </c>
      <c r="BP20" s="1">
        <v>0</v>
      </c>
      <c r="BQ20" s="1">
        <v>0</v>
      </c>
      <c r="BR20" s="1">
        <v>0</v>
      </c>
      <c r="BS20" s="1">
        <v>0</v>
      </c>
      <c r="BT20" s="1">
        <v>0</v>
      </c>
      <c r="BU20" s="1">
        <v>0</v>
      </c>
      <c r="BV20" s="1">
        <v>0</v>
      </c>
      <c r="BW20" s="1">
        <v>0</v>
      </c>
      <c r="BX20" s="1">
        <v>0</v>
      </c>
      <c r="BY20" s="1">
        <v>0</v>
      </c>
      <c r="BZ20" s="1">
        <v>0</v>
      </c>
      <c r="CA20" s="1">
        <v>0</v>
      </c>
      <c r="CB20" s="1">
        <v>0</v>
      </c>
      <c r="CC20" s="1">
        <v>0</v>
      </c>
      <c r="CD20" s="1">
        <v>0</v>
      </c>
      <c r="CE20" s="1">
        <v>0</v>
      </c>
      <c r="CF20" s="1">
        <v>0</v>
      </c>
      <c r="CG20" s="1">
        <v>0</v>
      </c>
      <c r="CH20" s="1">
        <v>0</v>
      </c>
      <c r="CI20" s="1">
        <v>0</v>
      </c>
      <c r="CJ20" s="1">
        <v>0</v>
      </c>
      <c r="CK20" s="1">
        <v>0</v>
      </c>
      <c r="CL20" s="1">
        <v>0</v>
      </c>
      <c r="CM20" s="1">
        <v>0</v>
      </c>
      <c r="CN20" s="1">
        <v>0</v>
      </c>
      <c r="CO20" s="1">
        <v>0</v>
      </c>
      <c r="CP20" s="1">
        <v>0</v>
      </c>
      <c r="CQ20" s="1">
        <v>0</v>
      </c>
      <c r="CR20" s="1">
        <v>0</v>
      </c>
      <c r="CS20" s="1">
        <v>0</v>
      </c>
      <c r="CT20" s="1">
        <v>0</v>
      </c>
      <c r="CU20" s="1">
        <v>0</v>
      </c>
      <c r="CV20" s="1">
        <v>0</v>
      </c>
      <c r="CW20" s="1">
        <v>0</v>
      </c>
      <c r="CX20" s="1">
        <v>0</v>
      </c>
      <c r="CY20" s="1">
        <v>0</v>
      </c>
      <c r="CZ20" s="1">
        <v>0</v>
      </c>
      <c r="DA20" s="1">
        <v>0</v>
      </c>
      <c r="DB20" s="1">
        <v>0</v>
      </c>
      <c r="DC20" s="1">
        <v>0</v>
      </c>
      <c r="DD20" s="1">
        <v>0</v>
      </c>
      <c r="DE20" s="1">
        <v>49536</v>
      </c>
    </row>
    <row r="21" spans="1:109" ht="10" customHeight="1">
      <c r="A21" s="26"/>
      <c r="B21" s="54"/>
      <c r="C21" s="53" t="s">
        <v>62</v>
      </c>
      <c r="D21" s="46">
        <v>0</v>
      </c>
      <c r="E21" s="1">
        <v>5218</v>
      </c>
      <c r="F21" s="1">
        <v>0</v>
      </c>
      <c r="G21" s="1">
        <v>13</v>
      </c>
      <c r="H21" s="1">
        <v>0</v>
      </c>
      <c r="I21" s="1">
        <v>0</v>
      </c>
      <c r="J21" s="1">
        <v>2713</v>
      </c>
      <c r="K21" s="1">
        <v>0</v>
      </c>
      <c r="L21" s="1">
        <v>0</v>
      </c>
      <c r="M21" s="1">
        <v>0</v>
      </c>
      <c r="N21" s="1">
        <v>0</v>
      </c>
      <c r="O21" s="1">
        <v>0</v>
      </c>
      <c r="P21" s="1">
        <v>0</v>
      </c>
      <c r="Q21" s="1">
        <v>0</v>
      </c>
      <c r="R21" s="1">
        <v>0</v>
      </c>
      <c r="S21" s="1">
        <v>0</v>
      </c>
      <c r="T21" s="1">
        <v>0</v>
      </c>
      <c r="U21" s="1">
        <v>0</v>
      </c>
      <c r="V21" s="1">
        <v>0</v>
      </c>
      <c r="W21" s="1">
        <v>0</v>
      </c>
      <c r="X21" s="1">
        <v>0</v>
      </c>
      <c r="Y21" s="1">
        <v>0</v>
      </c>
      <c r="Z21" s="1">
        <v>0</v>
      </c>
      <c r="AA21" s="1">
        <v>0</v>
      </c>
      <c r="AB21" s="1">
        <v>0</v>
      </c>
      <c r="AC21" s="1">
        <v>0</v>
      </c>
      <c r="AD21" s="1">
        <v>0</v>
      </c>
      <c r="AE21" s="1">
        <v>0</v>
      </c>
      <c r="AF21" s="1">
        <v>0</v>
      </c>
      <c r="AG21" s="1">
        <v>0</v>
      </c>
      <c r="AH21" s="1">
        <v>864</v>
      </c>
      <c r="AI21" s="1">
        <v>0</v>
      </c>
      <c r="AJ21" s="1">
        <v>0</v>
      </c>
      <c r="AK21" s="1">
        <v>0</v>
      </c>
      <c r="AL21" s="1">
        <v>0</v>
      </c>
      <c r="AM21" s="1">
        <v>0</v>
      </c>
      <c r="AN21" s="1">
        <v>0</v>
      </c>
      <c r="AO21" s="1">
        <v>0</v>
      </c>
      <c r="AP21" s="1">
        <v>0</v>
      </c>
      <c r="AQ21" s="1">
        <v>0</v>
      </c>
      <c r="AR21" s="1">
        <v>0</v>
      </c>
      <c r="AS21" s="1">
        <v>0</v>
      </c>
      <c r="AT21" s="1">
        <v>0</v>
      </c>
      <c r="AU21" s="1">
        <v>0</v>
      </c>
      <c r="AV21" s="1">
        <v>0</v>
      </c>
      <c r="AW21" s="1">
        <v>0</v>
      </c>
      <c r="AX21" s="1">
        <v>0</v>
      </c>
      <c r="AY21" s="1">
        <v>0</v>
      </c>
      <c r="AZ21" s="1">
        <v>0</v>
      </c>
      <c r="BA21" s="1">
        <v>0</v>
      </c>
      <c r="BB21" s="1">
        <v>0</v>
      </c>
      <c r="BC21" s="1">
        <v>0</v>
      </c>
      <c r="BD21" s="1">
        <v>0</v>
      </c>
      <c r="BE21" s="1">
        <v>0</v>
      </c>
      <c r="BF21" s="1">
        <v>8808</v>
      </c>
      <c r="BG21" s="1">
        <v>0</v>
      </c>
      <c r="BH21" s="1">
        <v>0</v>
      </c>
      <c r="BI21" s="1">
        <v>0</v>
      </c>
      <c r="BJ21" s="1">
        <v>0</v>
      </c>
      <c r="BK21" s="1">
        <v>0</v>
      </c>
      <c r="BL21" s="1">
        <v>0</v>
      </c>
      <c r="BM21" s="1">
        <v>0</v>
      </c>
      <c r="BN21" s="1">
        <v>0</v>
      </c>
      <c r="BO21" s="1">
        <v>0</v>
      </c>
      <c r="BP21" s="1">
        <v>0</v>
      </c>
      <c r="BQ21" s="1">
        <v>0</v>
      </c>
      <c r="BR21" s="1">
        <v>0</v>
      </c>
      <c r="BS21" s="1">
        <v>0</v>
      </c>
      <c r="BT21" s="1">
        <v>0</v>
      </c>
      <c r="BU21" s="1">
        <v>0</v>
      </c>
      <c r="BV21" s="1">
        <v>0</v>
      </c>
      <c r="BW21" s="1">
        <v>0</v>
      </c>
      <c r="BX21" s="1">
        <v>0</v>
      </c>
      <c r="BY21" s="1">
        <v>0</v>
      </c>
      <c r="BZ21" s="1">
        <v>0</v>
      </c>
      <c r="CA21" s="1">
        <v>0</v>
      </c>
      <c r="CB21" s="1">
        <v>0</v>
      </c>
      <c r="CC21" s="1">
        <v>0</v>
      </c>
      <c r="CD21" s="1">
        <v>0</v>
      </c>
      <c r="CE21" s="1">
        <v>0</v>
      </c>
      <c r="CF21" s="1">
        <v>0</v>
      </c>
      <c r="CG21" s="1">
        <v>0</v>
      </c>
      <c r="CH21" s="1">
        <v>0</v>
      </c>
      <c r="CI21" s="1">
        <v>0</v>
      </c>
      <c r="CJ21" s="1">
        <v>0</v>
      </c>
      <c r="CK21" s="1">
        <v>0</v>
      </c>
      <c r="CL21" s="1">
        <v>0</v>
      </c>
      <c r="CM21" s="1">
        <v>0</v>
      </c>
      <c r="CN21" s="1">
        <v>0</v>
      </c>
      <c r="CO21" s="1">
        <v>0</v>
      </c>
      <c r="CP21" s="1">
        <v>0</v>
      </c>
      <c r="CQ21" s="1">
        <v>0</v>
      </c>
      <c r="CR21" s="1">
        <v>0</v>
      </c>
      <c r="CS21" s="1">
        <v>0</v>
      </c>
      <c r="CT21" s="1">
        <v>0</v>
      </c>
      <c r="CU21" s="1">
        <v>0</v>
      </c>
      <c r="CV21" s="1">
        <v>0</v>
      </c>
      <c r="CW21" s="1">
        <v>0</v>
      </c>
      <c r="CX21" s="1">
        <v>0</v>
      </c>
      <c r="CY21" s="1">
        <v>0</v>
      </c>
      <c r="CZ21" s="1">
        <v>0</v>
      </c>
      <c r="DA21" s="1">
        <v>0</v>
      </c>
      <c r="DB21" s="1">
        <v>0</v>
      </c>
      <c r="DC21" s="1">
        <v>0</v>
      </c>
      <c r="DD21" s="1">
        <v>0</v>
      </c>
      <c r="DE21" s="1">
        <v>8808</v>
      </c>
    </row>
    <row r="22" spans="1:109" ht="10" customHeight="1">
      <c r="A22" s="32"/>
      <c r="B22" s="55"/>
      <c r="C22" s="28" t="s">
        <v>20</v>
      </c>
      <c r="D22" s="46">
        <v>235</v>
      </c>
      <c r="E22" s="1">
        <v>17947</v>
      </c>
      <c r="F22" s="1">
        <v>5902</v>
      </c>
      <c r="G22" s="1">
        <v>25</v>
      </c>
      <c r="H22" s="1">
        <v>0</v>
      </c>
      <c r="I22" s="1">
        <v>1</v>
      </c>
      <c r="J22" s="1">
        <v>20509</v>
      </c>
      <c r="K22" s="1">
        <v>7678</v>
      </c>
      <c r="L22" s="1">
        <v>0</v>
      </c>
      <c r="M22" s="1">
        <v>0</v>
      </c>
      <c r="N22" s="1">
        <v>0</v>
      </c>
      <c r="O22" s="1">
        <v>4</v>
      </c>
      <c r="P22" s="1">
        <v>242</v>
      </c>
      <c r="Q22" s="1">
        <v>0</v>
      </c>
      <c r="R22" s="1">
        <v>0</v>
      </c>
      <c r="S22" s="1">
        <v>5364</v>
      </c>
      <c r="T22" s="1">
        <v>0</v>
      </c>
      <c r="U22" s="1">
        <v>0</v>
      </c>
      <c r="V22" s="1">
        <v>874</v>
      </c>
      <c r="W22" s="1">
        <v>156</v>
      </c>
      <c r="X22" s="1">
        <v>90</v>
      </c>
      <c r="Y22" s="1">
        <v>0</v>
      </c>
      <c r="Z22" s="1">
        <v>1465</v>
      </c>
      <c r="AA22" s="1">
        <v>0</v>
      </c>
      <c r="AB22" s="1">
        <v>163</v>
      </c>
      <c r="AC22" s="1">
        <v>124</v>
      </c>
      <c r="AD22" s="1">
        <v>0</v>
      </c>
      <c r="AE22" s="1">
        <v>0</v>
      </c>
      <c r="AF22" s="1">
        <v>1137</v>
      </c>
      <c r="AG22" s="1">
        <v>1</v>
      </c>
      <c r="AH22" s="1">
        <v>924</v>
      </c>
      <c r="AI22" s="1">
        <v>295</v>
      </c>
      <c r="AJ22" s="1">
        <v>0</v>
      </c>
      <c r="AK22" s="1">
        <v>0</v>
      </c>
      <c r="AL22" s="1">
        <v>0</v>
      </c>
      <c r="AM22" s="1">
        <v>67</v>
      </c>
      <c r="AN22" s="1">
        <v>4420</v>
      </c>
      <c r="AO22" s="1">
        <v>0</v>
      </c>
      <c r="AP22" s="1">
        <v>0</v>
      </c>
      <c r="AQ22" s="1">
        <v>0</v>
      </c>
      <c r="AR22" s="1">
        <v>0</v>
      </c>
      <c r="AS22" s="1">
        <v>0</v>
      </c>
      <c r="AT22" s="1">
        <v>0</v>
      </c>
      <c r="AU22" s="1">
        <v>0</v>
      </c>
      <c r="AV22" s="1">
        <v>0</v>
      </c>
      <c r="AW22" s="1">
        <v>0</v>
      </c>
      <c r="AX22" s="1">
        <v>0</v>
      </c>
      <c r="AY22" s="1">
        <v>0</v>
      </c>
      <c r="AZ22" s="1">
        <v>0</v>
      </c>
      <c r="BA22" s="1">
        <v>54</v>
      </c>
      <c r="BB22" s="1">
        <v>0</v>
      </c>
      <c r="BC22" s="1">
        <v>0</v>
      </c>
      <c r="BD22" s="1">
        <v>236</v>
      </c>
      <c r="BE22" s="1">
        <v>0</v>
      </c>
      <c r="BF22" s="1">
        <v>67913</v>
      </c>
      <c r="BG22" s="1">
        <v>0</v>
      </c>
      <c r="BH22" s="1">
        <v>0</v>
      </c>
      <c r="BI22" s="1">
        <v>0</v>
      </c>
      <c r="BJ22" s="1">
        <v>0</v>
      </c>
      <c r="BK22" s="1">
        <v>0</v>
      </c>
      <c r="BL22" s="1">
        <v>0</v>
      </c>
      <c r="BM22" s="1">
        <v>0</v>
      </c>
      <c r="BN22" s="1">
        <v>0</v>
      </c>
      <c r="BO22" s="1">
        <v>0</v>
      </c>
      <c r="BP22" s="1">
        <v>0</v>
      </c>
      <c r="BQ22" s="1">
        <v>0</v>
      </c>
      <c r="BR22" s="1">
        <v>0</v>
      </c>
      <c r="BS22" s="1">
        <v>0</v>
      </c>
      <c r="BT22" s="1">
        <v>0</v>
      </c>
      <c r="BU22" s="1">
        <v>0</v>
      </c>
      <c r="BV22" s="1">
        <v>0</v>
      </c>
      <c r="BW22" s="1">
        <v>0</v>
      </c>
      <c r="BX22" s="1">
        <v>0</v>
      </c>
      <c r="BY22" s="1">
        <v>8356</v>
      </c>
      <c r="BZ22" s="1">
        <v>0</v>
      </c>
      <c r="CA22" s="1">
        <v>0</v>
      </c>
      <c r="CB22" s="1">
        <v>0</v>
      </c>
      <c r="CC22" s="1">
        <v>0</v>
      </c>
      <c r="CD22" s="1">
        <v>3632</v>
      </c>
      <c r="CE22" s="1">
        <v>0</v>
      </c>
      <c r="CF22" s="1">
        <v>0</v>
      </c>
      <c r="CG22" s="1">
        <v>0</v>
      </c>
      <c r="CH22" s="1">
        <v>0</v>
      </c>
      <c r="CI22" s="1">
        <v>0</v>
      </c>
      <c r="CJ22" s="1">
        <v>0</v>
      </c>
      <c r="CK22" s="1">
        <v>0</v>
      </c>
      <c r="CL22" s="1">
        <v>0</v>
      </c>
      <c r="CM22" s="1">
        <v>0</v>
      </c>
      <c r="CN22" s="1">
        <v>0</v>
      </c>
      <c r="CO22" s="1">
        <v>0</v>
      </c>
      <c r="CP22" s="1">
        <v>1415</v>
      </c>
      <c r="CQ22" s="1">
        <v>13403</v>
      </c>
      <c r="CR22" s="1">
        <v>204</v>
      </c>
      <c r="CS22" s="1">
        <v>0</v>
      </c>
      <c r="CT22" s="1">
        <v>1532</v>
      </c>
      <c r="CU22" s="1">
        <v>0</v>
      </c>
      <c r="CV22" s="1">
        <v>0</v>
      </c>
      <c r="CW22" s="1">
        <v>0</v>
      </c>
      <c r="CX22" s="1">
        <v>823</v>
      </c>
      <c r="CY22" s="1">
        <v>0</v>
      </c>
      <c r="CZ22" s="1">
        <v>0</v>
      </c>
      <c r="DA22" s="1">
        <v>0</v>
      </c>
      <c r="DB22" s="1">
        <v>0</v>
      </c>
      <c r="DC22" s="1">
        <v>1952</v>
      </c>
      <c r="DD22" s="1">
        <v>4511</v>
      </c>
      <c r="DE22" s="1">
        <v>85827</v>
      </c>
    </row>
    <row r="23" spans="1:109" ht="10" customHeight="1">
      <c r="A23" s="154" t="s">
        <v>63</v>
      </c>
      <c r="B23" s="153"/>
      <c r="C23" s="155"/>
      <c r="D23" s="46">
        <v>24418736</v>
      </c>
      <c r="E23" s="1">
        <v>5836267</v>
      </c>
      <c r="F23" s="1">
        <v>3259503</v>
      </c>
      <c r="G23" s="1">
        <v>9276171</v>
      </c>
      <c r="H23" s="1">
        <v>1582956</v>
      </c>
      <c r="I23" s="1">
        <v>974185</v>
      </c>
      <c r="J23" s="1">
        <v>5675994</v>
      </c>
      <c r="K23" s="1">
        <v>1852600</v>
      </c>
      <c r="L23" s="1">
        <v>1517914</v>
      </c>
      <c r="M23" s="1">
        <v>1786159</v>
      </c>
      <c r="N23" s="1">
        <v>2317353</v>
      </c>
      <c r="O23" s="1">
        <v>3894106</v>
      </c>
      <c r="P23" s="1">
        <v>2974226</v>
      </c>
      <c r="Q23" s="1">
        <v>1096581</v>
      </c>
      <c r="R23" s="1">
        <v>2446410</v>
      </c>
      <c r="S23" s="1">
        <v>2411896</v>
      </c>
      <c r="T23" s="1">
        <v>3479529</v>
      </c>
      <c r="U23" s="1">
        <v>5391367</v>
      </c>
      <c r="V23" s="1">
        <v>5627782</v>
      </c>
      <c r="W23" s="1">
        <v>1477291</v>
      </c>
      <c r="X23" s="1">
        <v>2285060</v>
      </c>
      <c r="Y23" s="1">
        <v>2114340</v>
      </c>
      <c r="Z23" s="1">
        <v>1790835</v>
      </c>
      <c r="AA23" s="1">
        <v>1714357</v>
      </c>
      <c r="AB23" s="1">
        <v>1096977</v>
      </c>
      <c r="AC23" s="1">
        <v>3074162</v>
      </c>
      <c r="AD23" s="1">
        <v>1640931</v>
      </c>
      <c r="AE23" s="1">
        <v>3493965</v>
      </c>
      <c r="AF23" s="1">
        <v>1001593</v>
      </c>
      <c r="AG23" s="1">
        <v>2548541</v>
      </c>
      <c r="AH23" s="1">
        <v>1382001</v>
      </c>
      <c r="AI23" s="1">
        <v>2719306</v>
      </c>
      <c r="AJ23" s="1">
        <v>876414</v>
      </c>
      <c r="AK23" s="1">
        <v>669428</v>
      </c>
      <c r="AL23" s="1">
        <v>956015</v>
      </c>
      <c r="AM23" s="1">
        <v>1496076</v>
      </c>
      <c r="AN23" s="1">
        <v>1446646</v>
      </c>
      <c r="AO23" s="1">
        <v>884236</v>
      </c>
      <c r="AP23" s="1">
        <v>799426</v>
      </c>
      <c r="AQ23" s="1">
        <v>509477</v>
      </c>
      <c r="AR23" s="1">
        <v>343518</v>
      </c>
      <c r="AS23" s="1">
        <v>440566</v>
      </c>
      <c r="AT23" s="1">
        <v>542284</v>
      </c>
      <c r="AU23" s="1">
        <v>485413</v>
      </c>
      <c r="AV23" s="1">
        <v>218459</v>
      </c>
      <c r="AW23" s="1">
        <v>120809</v>
      </c>
      <c r="AX23" s="1">
        <v>53379</v>
      </c>
      <c r="AY23" s="1">
        <v>251052</v>
      </c>
      <c r="AZ23" s="1">
        <v>463800</v>
      </c>
      <c r="BA23" s="1">
        <v>988603</v>
      </c>
      <c r="BB23" s="1">
        <v>799942</v>
      </c>
      <c r="BC23" s="1">
        <v>499603</v>
      </c>
      <c r="BD23" s="1">
        <v>3883209</v>
      </c>
      <c r="BE23" s="1">
        <v>1549247</v>
      </c>
      <c r="BF23" s="1">
        <v>130436696</v>
      </c>
      <c r="BG23" s="1">
        <v>80159</v>
      </c>
      <c r="BH23" s="1">
        <v>0</v>
      </c>
      <c r="BI23" s="1">
        <v>33084</v>
      </c>
      <c r="BJ23" s="1">
        <v>211795</v>
      </c>
      <c r="BK23" s="1">
        <v>99355</v>
      </c>
      <c r="BL23" s="1">
        <v>178730</v>
      </c>
      <c r="BM23" s="1">
        <v>101590</v>
      </c>
      <c r="BN23" s="1">
        <v>289797</v>
      </c>
      <c r="BO23" s="1">
        <v>59617</v>
      </c>
      <c r="BP23" s="1">
        <v>25128</v>
      </c>
      <c r="BQ23" s="1">
        <v>88056</v>
      </c>
      <c r="BR23" s="1">
        <v>463910</v>
      </c>
      <c r="BS23" s="1">
        <v>1631221</v>
      </c>
      <c r="BT23" s="1">
        <v>501972</v>
      </c>
      <c r="BU23" s="1">
        <v>153543</v>
      </c>
      <c r="BV23" s="1">
        <v>731752</v>
      </c>
      <c r="BW23" s="1">
        <v>184630</v>
      </c>
      <c r="BX23" s="1">
        <v>162551</v>
      </c>
      <c r="BY23" s="1">
        <v>781145</v>
      </c>
      <c r="BZ23" s="1">
        <v>575362</v>
      </c>
      <c r="CA23" s="1">
        <v>142336</v>
      </c>
      <c r="CB23" s="1">
        <v>31096</v>
      </c>
      <c r="CC23" s="1">
        <v>34584</v>
      </c>
      <c r="CD23" s="1">
        <v>53473</v>
      </c>
      <c r="CE23" s="1">
        <v>91228</v>
      </c>
      <c r="CF23" s="1">
        <v>38678</v>
      </c>
      <c r="CG23" s="1">
        <v>60460</v>
      </c>
      <c r="CH23" s="1">
        <v>96244</v>
      </c>
      <c r="CI23" s="1">
        <v>95861</v>
      </c>
      <c r="CJ23" s="1">
        <v>332307</v>
      </c>
      <c r="CK23" s="1">
        <v>53164</v>
      </c>
      <c r="CL23" s="1">
        <v>225805</v>
      </c>
      <c r="CM23" s="1">
        <v>13769</v>
      </c>
      <c r="CN23" s="1">
        <v>121118</v>
      </c>
      <c r="CO23" s="1">
        <v>55775</v>
      </c>
      <c r="CP23" s="1">
        <v>9800</v>
      </c>
      <c r="CQ23" s="1">
        <v>4546653</v>
      </c>
      <c r="CR23" s="1">
        <v>138238</v>
      </c>
      <c r="CS23" s="1">
        <v>23099</v>
      </c>
      <c r="CT23" s="1">
        <v>102262</v>
      </c>
      <c r="CU23" s="1">
        <v>8935</v>
      </c>
      <c r="CV23" s="1">
        <v>13358</v>
      </c>
      <c r="CW23" s="1">
        <v>24962</v>
      </c>
      <c r="CX23" s="1">
        <v>141076</v>
      </c>
      <c r="CY23" s="1">
        <v>35624</v>
      </c>
      <c r="CZ23" s="1">
        <v>107764</v>
      </c>
      <c r="DA23" s="1">
        <v>40670</v>
      </c>
      <c r="DB23" s="1">
        <v>12388</v>
      </c>
      <c r="DC23" s="1">
        <v>25197</v>
      </c>
      <c r="DD23" s="1">
        <v>673573</v>
      </c>
      <c r="DE23" s="1">
        <v>137288143</v>
      </c>
    </row>
    <row r="24" spans="1:109" ht="10" customHeight="1">
      <c r="A24" s="52"/>
      <c r="B24" s="114" t="s">
        <v>64</v>
      </c>
      <c r="C24" s="156"/>
      <c r="D24" s="46">
        <v>22356587</v>
      </c>
      <c r="E24" s="1">
        <v>5533646</v>
      </c>
      <c r="F24" s="1">
        <v>3058832</v>
      </c>
      <c r="G24" s="1">
        <v>8664864</v>
      </c>
      <c r="H24" s="1">
        <v>1453271</v>
      </c>
      <c r="I24" s="1">
        <v>917245</v>
      </c>
      <c r="J24" s="1">
        <v>5345506</v>
      </c>
      <c r="K24" s="1">
        <v>1665240</v>
      </c>
      <c r="L24" s="1">
        <v>1412387</v>
      </c>
      <c r="M24" s="1">
        <v>1678379</v>
      </c>
      <c r="N24" s="1">
        <v>2222077</v>
      </c>
      <c r="O24" s="1">
        <v>3601302</v>
      </c>
      <c r="P24" s="1">
        <v>2810549</v>
      </c>
      <c r="Q24" s="1">
        <v>1034110</v>
      </c>
      <c r="R24" s="1">
        <v>2302779</v>
      </c>
      <c r="S24" s="1">
        <v>2211543</v>
      </c>
      <c r="T24" s="1">
        <v>3276568</v>
      </c>
      <c r="U24" s="1">
        <v>4989355</v>
      </c>
      <c r="V24" s="1">
        <v>5277911</v>
      </c>
      <c r="W24" s="1">
        <v>1403868</v>
      </c>
      <c r="X24" s="1">
        <v>2144350</v>
      </c>
      <c r="Y24" s="1">
        <v>2035145</v>
      </c>
      <c r="Z24" s="1">
        <v>1734021</v>
      </c>
      <c r="AA24" s="1">
        <v>1619888</v>
      </c>
      <c r="AB24" s="1">
        <v>1033027</v>
      </c>
      <c r="AC24" s="1">
        <v>2927102</v>
      </c>
      <c r="AD24" s="1">
        <v>1569714</v>
      </c>
      <c r="AE24" s="1">
        <v>3282551</v>
      </c>
      <c r="AF24" s="1">
        <v>953902</v>
      </c>
      <c r="AG24" s="1">
        <v>2299056</v>
      </c>
      <c r="AH24" s="1">
        <v>1325450</v>
      </c>
      <c r="AI24" s="1">
        <v>2428836</v>
      </c>
      <c r="AJ24" s="1">
        <v>817184</v>
      </c>
      <c r="AK24" s="1">
        <v>622081</v>
      </c>
      <c r="AL24" s="1">
        <v>903114</v>
      </c>
      <c r="AM24" s="1">
        <v>1393456</v>
      </c>
      <c r="AN24" s="1">
        <v>1402425</v>
      </c>
      <c r="AO24" s="1">
        <v>823481</v>
      </c>
      <c r="AP24" s="1">
        <v>762867</v>
      </c>
      <c r="AQ24" s="1">
        <v>498135</v>
      </c>
      <c r="AR24" s="1">
        <v>327993</v>
      </c>
      <c r="AS24" s="1">
        <v>417821</v>
      </c>
      <c r="AT24" s="1">
        <v>500267</v>
      </c>
      <c r="AU24" s="1">
        <v>454845</v>
      </c>
      <c r="AV24" s="1">
        <v>202560</v>
      </c>
      <c r="AW24" s="1">
        <v>113017</v>
      </c>
      <c r="AX24" s="1">
        <v>41830</v>
      </c>
      <c r="AY24" s="1">
        <v>212139</v>
      </c>
      <c r="AZ24" s="1">
        <v>435812</v>
      </c>
      <c r="BA24" s="1">
        <v>946366</v>
      </c>
      <c r="BB24" s="1">
        <v>719749</v>
      </c>
      <c r="BC24" s="1">
        <v>474735</v>
      </c>
      <c r="BD24" s="1">
        <v>3701544</v>
      </c>
      <c r="BE24" s="1">
        <v>1477894</v>
      </c>
      <c r="BF24" s="1">
        <v>121818376</v>
      </c>
      <c r="BG24" s="1">
        <v>80022</v>
      </c>
      <c r="BH24" s="1">
        <v>0</v>
      </c>
      <c r="BI24" s="1">
        <v>32514</v>
      </c>
      <c r="BJ24" s="1">
        <v>190834</v>
      </c>
      <c r="BK24" s="1">
        <v>90509</v>
      </c>
      <c r="BL24" s="1">
        <v>168262</v>
      </c>
      <c r="BM24" s="1">
        <v>84812</v>
      </c>
      <c r="BN24" s="1">
        <v>264921</v>
      </c>
      <c r="BO24" s="1">
        <v>49450</v>
      </c>
      <c r="BP24" s="1">
        <v>20817</v>
      </c>
      <c r="BQ24" s="1">
        <v>83941</v>
      </c>
      <c r="BR24" s="1">
        <v>429619</v>
      </c>
      <c r="BS24" s="1">
        <v>1495701</v>
      </c>
      <c r="BT24" s="1">
        <v>475816</v>
      </c>
      <c r="BU24" s="1">
        <v>142164</v>
      </c>
      <c r="BV24" s="1">
        <v>658713</v>
      </c>
      <c r="BW24" s="1">
        <v>169801</v>
      </c>
      <c r="BX24" s="1">
        <v>154026</v>
      </c>
      <c r="BY24" s="1">
        <v>733668</v>
      </c>
      <c r="BZ24" s="1">
        <v>528795</v>
      </c>
      <c r="CA24" s="1">
        <v>133571</v>
      </c>
      <c r="CB24" s="1">
        <v>27446</v>
      </c>
      <c r="CC24" s="1">
        <v>32774</v>
      </c>
      <c r="CD24" s="1">
        <v>47470</v>
      </c>
      <c r="CE24" s="1">
        <v>82776</v>
      </c>
      <c r="CF24" s="1">
        <v>35729</v>
      </c>
      <c r="CG24" s="1">
        <v>60460</v>
      </c>
      <c r="CH24" s="1">
        <v>89617</v>
      </c>
      <c r="CI24" s="1">
        <v>88437</v>
      </c>
      <c r="CJ24" s="1">
        <v>293285</v>
      </c>
      <c r="CK24" s="1">
        <v>48733</v>
      </c>
      <c r="CL24" s="1">
        <v>207471</v>
      </c>
      <c r="CM24" s="1">
        <v>12989</v>
      </c>
      <c r="CN24" s="1">
        <v>111974</v>
      </c>
      <c r="CO24" s="1">
        <v>50888</v>
      </c>
      <c r="CP24" s="1">
        <v>9037</v>
      </c>
      <c r="CQ24" s="1">
        <v>4195640</v>
      </c>
      <c r="CR24" s="1">
        <v>126392</v>
      </c>
      <c r="CS24" s="1">
        <v>22667</v>
      </c>
      <c r="CT24" s="1">
        <v>99086</v>
      </c>
      <c r="CU24" s="1">
        <v>8704</v>
      </c>
      <c r="CV24" s="1">
        <v>12293</v>
      </c>
      <c r="CW24" s="1">
        <v>23597</v>
      </c>
      <c r="CX24" s="1">
        <v>133043</v>
      </c>
      <c r="CY24" s="1">
        <v>34702</v>
      </c>
      <c r="CZ24" s="1">
        <v>100262</v>
      </c>
      <c r="DA24" s="1">
        <v>37959</v>
      </c>
      <c r="DB24" s="1">
        <v>11730</v>
      </c>
      <c r="DC24" s="1">
        <v>24812</v>
      </c>
      <c r="DD24" s="1">
        <v>635247</v>
      </c>
      <c r="DE24" s="1">
        <v>128144964</v>
      </c>
    </row>
    <row r="25" spans="1:109" ht="10" customHeight="1">
      <c r="A25" s="26"/>
      <c r="B25" s="29"/>
      <c r="C25" s="28" t="s">
        <v>21</v>
      </c>
      <c r="D25" s="46">
        <v>881878</v>
      </c>
      <c r="E25" s="1">
        <v>289147</v>
      </c>
      <c r="F25" s="1">
        <v>104088</v>
      </c>
      <c r="G25" s="1">
        <v>618766</v>
      </c>
      <c r="H25" s="1">
        <v>23519</v>
      </c>
      <c r="I25" s="1">
        <v>78556</v>
      </c>
      <c r="J25" s="1">
        <v>567268</v>
      </c>
      <c r="K25" s="1">
        <v>39552</v>
      </c>
      <c r="L25" s="1">
        <v>13395</v>
      </c>
      <c r="M25" s="1">
        <v>92848</v>
      </c>
      <c r="N25" s="1">
        <v>62704</v>
      </c>
      <c r="O25" s="1">
        <v>165269</v>
      </c>
      <c r="P25" s="1">
        <v>158843</v>
      </c>
      <c r="Q25" s="1">
        <v>29271</v>
      </c>
      <c r="R25" s="1">
        <v>149573</v>
      </c>
      <c r="S25" s="1">
        <v>50373</v>
      </c>
      <c r="T25" s="1">
        <v>88877</v>
      </c>
      <c r="U25" s="1">
        <v>260032</v>
      </c>
      <c r="V25" s="1">
        <v>169424</v>
      </c>
      <c r="W25" s="1">
        <v>113880</v>
      </c>
      <c r="X25" s="1">
        <v>187691</v>
      </c>
      <c r="Y25" s="1">
        <v>183318</v>
      </c>
      <c r="Z25" s="1">
        <v>195551</v>
      </c>
      <c r="AA25" s="1">
        <v>139694</v>
      </c>
      <c r="AB25" s="1">
        <v>170021</v>
      </c>
      <c r="AC25" s="1">
        <v>173264</v>
      </c>
      <c r="AD25" s="1">
        <v>85895</v>
      </c>
      <c r="AE25" s="1">
        <v>61616</v>
      </c>
      <c r="AF25" s="1">
        <v>48493</v>
      </c>
      <c r="AG25" s="1">
        <v>55323</v>
      </c>
      <c r="AH25" s="1">
        <v>131810</v>
      </c>
      <c r="AI25" s="1">
        <v>80917</v>
      </c>
      <c r="AJ25" s="1">
        <v>26721</v>
      </c>
      <c r="AK25" s="1">
        <v>12176</v>
      </c>
      <c r="AL25" s="1">
        <v>30113</v>
      </c>
      <c r="AM25" s="1">
        <v>28472</v>
      </c>
      <c r="AN25" s="1">
        <v>116301</v>
      </c>
      <c r="AO25" s="1">
        <v>12682</v>
      </c>
      <c r="AP25" s="1">
        <v>32902</v>
      </c>
      <c r="AQ25" s="1">
        <v>22420</v>
      </c>
      <c r="AR25" s="1">
        <v>40280</v>
      </c>
      <c r="AS25" s="1">
        <v>43137</v>
      </c>
      <c r="AT25" s="1">
        <v>13623</v>
      </c>
      <c r="AU25" s="1">
        <v>37305</v>
      </c>
      <c r="AV25" s="1">
        <v>7176</v>
      </c>
      <c r="AW25" s="1">
        <v>9211</v>
      </c>
      <c r="AX25" s="1">
        <v>0</v>
      </c>
      <c r="AY25" s="1">
        <v>33646</v>
      </c>
      <c r="AZ25" s="1">
        <v>10981</v>
      </c>
      <c r="BA25" s="1">
        <v>59111</v>
      </c>
      <c r="BB25" s="1">
        <v>45801</v>
      </c>
      <c r="BC25" s="1">
        <v>4584</v>
      </c>
      <c r="BD25" s="1">
        <v>221931</v>
      </c>
      <c r="BE25" s="1">
        <v>28026</v>
      </c>
      <c r="BF25" s="1">
        <v>6307455</v>
      </c>
      <c r="BG25" s="1">
        <v>0</v>
      </c>
      <c r="BH25" s="1">
        <v>0</v>
      </c>
      <c r="BI25" s="1">
        <v>0</v>
      </c>
      <c r="BJ25" s="1">
        <v>7198</v>
      </c>
      <c r="BK25" s="1">
        <v>6680</v>
      </c>
      <c r="BL25" s="1">
        <v>4424</v>
      </c>
      <c r="BM25" s="1">
        <v>7408</v>
      </c>
      <c r="BN25" s="1">
        <v>6034</v>
      </c>
      <c r="BO25" s="1">
        <v>90</v>
      </c>
      <c r="BP25" s="1">
        <v>698</v>
      </c>
      <c r="BQ25" s="1">
        <v>9388</v>
      </c>
      <c r="BR25" s="1">
        <v>3042</v>
      </c>
      <c r="BS25" s="1">
        <v>44962</v>
      </c>
      <c r="BT25" s="1">
        <v>8199</v>
      </c>
      <c r="BU25" s="1">
        <v>405</v>
      </c>
      <c r="BV25" s="1">
        <v>2550</v>
      </c>
      <c r="BW25" s="1">
        <v>7432</v>
      </c>
      <c r="BX25" s="1">
        <v>3343</v>
      </c>
      <c r="BY25" s="1">
        <v>19557</v>
      </c>
      <c r="BZ25" s="1">
        <v>14359</v>
      </c>
      <c r="CA25" s="1">
        <v>4270</v>
      </c>
      <c r="CB25" s="1">
        <v>158</v>
      </c>
      <c r="CC25" s="1">
        <v>2</v>
      </c>
      <c r="CD25" s="1">
        <v>2260</v>
      </c>
      <c r="CE25" s="1">
        <v>180</v>
      </c>
      <c r="CF25" s="1">
        <v>0</v>
      </c>
      <c r="CG25" s="1">
        <v>0</v>
      </c>
      <c r="CH25" s="1">
        <v>2700</v>
      </c>
      <c r="CI25" s="1">
        <v>1655</v>
      </c>
      <c r="CJ25" s="1">
        <v>22599</v>
      </c>
      <c r="CK25" s="1">
        <v>3309</v>
      </c>
      <c r="CL25" s="1">
        <v>1262</v>
      </c>
      <c r="CM25" s="1">
        <v>89</v>
      </c>
      <c r="CN25" s="1">
        <v>1590</v>
      </c>
      <c r="CO25" s="1">
        <v>0</v>
      </c>
      <c r="CP25" s="1">
        <v>0</v>
      </c>
      <c r="CQ25" s="1">
        <v>95919</v>
      </c>
      <c r="CR25" s="1">
        <v>0</v>
      </c>
      <c r="CS25" s="1">
        <v>0</v>
      </c>
      <c r="CT25" s="1">
        <v>0</v>
      </c>
      <c r="CU25" s="1">
        <v>0</v>
      </c>
      <c r="CV25" s="1">
        <v>0</v>
      </c>
      <c r="CW25" s="1">
        <v>0</v>
      </c>
      <c r="CX25" s="1">
        <v>0</v>
      </c>
      <c r="CY25" s="1">
        <v>0</v>
      </c>
      <c r="CZ25" s="1">
        <v>0</v>
      </c>
      <c r="DA25" s="1">
        <v>0</v>
      </c>
      <c r="DB25" s="1">
        <v>0</v>
      </c>
      <c r="DC25" s="1">
        <v>0</v>
      </c>
      <c r="DD25" s="1">
        <v>0</v>
      </c>
      <c r="DE25" s="1">
        <v>6448336</v>
      </c>
    </row>
    <row r="26" spans="1:109" ht="10" customHeight="1">
      <c r="A26" s="26"/>
      <c r="B26" s="29"/>
      <c r="C26" s="28" t="s">
        <v>22</v>
      </c>
      <c r="D26" s="46">
        <v>786970</v>
      </c>
      <c r="E26" s="1">
        <v>521667</v>
      </c>
      <c r="F26" s="1">
        <v>153127</v>
      </c>
      <c r="G26" s="1">
        <v>727863</v>
      </c>
      <c r="H26" s="1">
        <v>201881</v>
      </c>
      <c r="I26" s="1">
        <v>19920</v>
      </c>
      <c r="J26" s="1">
        <v>15800</v>
      </c>
      <c r="K26" s="1">
        <v>62109</v>
      </c>
      <c r="L26" s="1">
        <v>32661</v>
      </c>
      <c r="M26" s="1">
        <v>0</v>
      </c>
      <c r="N26" s="1">
        <v>57125</v>
      </c>
      <c r="O26" s="1">
        <v>63015</v>
      </c>
      <c r="P26" s="1">
        <v>0</v>
      </c>
      <c r="Q26" s="1">
        <v>11264</v>
      </c>
      <c r="R26" s="1">
        <v>84136</v>
      </c>
      <c r="S26" s="1">
        <v>0</v>
      </c>
      <c r="T26" s="1">
        <v>279266</v>
      </c>
      <c r="U26" s="1">
        <v>89294</v>
      </c>
      <c r="V26" s="1">
        <v>312715</v>
      </c>
      <c r="W26" s="1">
        <v>154696</v>
      </c>
      <c r="X26" s="1">
        <v>167668</v>
      </c>
      <c r="Y26" s="1">
        <v>0</v>
      </c>
      <c r="Z26" s="1">
        <v>43137</v>
      </c>
      <c r="AA26" s="1">
        <v>176649</v>
      </c>
      <c r="AB26" s="1">
        <v>0</v>
      </c>
      <c r="AC26" s="1">
        <v>62371</v>
      </c>
      <c r="AD26" s="1">
        <v>87961</v>
      </c>
      <c r="AE26" s="1">
        <v>97600</v>
      </c>
      <c r="AF26" s="1">
        <v>6838</v>
      </c>
      <c r="AG26" s="1">
        <v>47528</v>
      </c>
      <c r="AH26" s="1">
        <v>0</v>
      </c>
      <c r="AI26" s="1">
        <v>19474</v>
      </c>
      <c r="AJ26" s="1">
        <v>8433</v>
      </c>
      <c r="AK26" s="1">
        <v>25938</v>
      </c>
      <c r="AL26" s="1">
        <v>20943</v>
      </c>
      <c r="AM26" s="1">
        <v>92823</v>
      </c>
      <c r="AN26" s="1">
        <v>0</v>
      </c>
      <c r="AO26" s="1">
        <v>28946</v>
      </c>
      <c r="AP26" s="1">
        <v>23282</v>
      </c>
      <c r="AQ26" s="1">
        <v>9316</v>
      </c>
      <c r="AR26" s="1">
        <v>0</v>
      </c>
      <c r="AS26" s="1">
        <v>0</v>
      </c>
      <c r="AT26" s="1">
        <v>0</v>
      </c>
      <c r="AU26" s="1">
        <v>0</v>
      </c>
      <c r="AV26" s="1">
        <v>0</v>
      </c>
      <c r="AW26" s="1">
        <v>0</v>
      </c>
      <c r="AX26" s="1">
        <v>0</v>
      </c>
      <c r="AY26" s="1">
        <v>0</v>
      </c>
      <c r="AZ26" s="1">
        <v>0</v>
      </c>
      <c r="BA26" s="1">
        <v>20790</v>
      </c>
      <c r="BB26" s="1">
        <v>6179</v>
      </c>
      <c r="BC26" s="1">
        <v>21806</v>
      </c>
      <c r="BD26" s="1">
        <v>112633</v>
      </c>
      <c r="BE26" s="1">
        <v>26680</v>
      </c>
      <c r="BF26" s="1">
        <v>4680504</v>
      </c>
      <c r="BG26" s="1">
        <v>4509</v>
      </c>
      <c r="BH26" s="1">
        <v>0</v>
      </c>
      <c r="BI26" s="1">
        <v>0</v>
      </c>
      <c r="BJ26" s="1">
        <v>0</v>
      </c>
      <c r="BK26" s="1">
        <v>0</v>
      </c>
      <c r="BL26" s="1">
        <v>0</v>
      </c>
      <c r="BM26" s="1">
        <v>0</v>
      </c>
      <c r="BN26" s="1">
        <v>0</v>
      </c>
      <c r="BO26" s="1">
        <v>0</v>
      </c>
      <c r="BP26" s="1">
        <v>0</v>
      </c>
      <c r="BQ26" s="1">
        <v>0</v>
      </c>
      <c r="BR26" s="1">
        <v>6895</v>
      </c>
      <c r="BS26" s="1">
        <v>11404</v>
      </c>
      <c r="BT26" s="1">
        <v>0</v>
      </c>
      <c r="BU26" s="1">
        <v>0</v>
      </c>
      <c r="BV26" s="1">
        <v>17100</v>
      </c>
      <c r="BW26" s="1">
        <v>0</v>
      </c>
      <c r="BX26" s="1">
        <v>0</v>
      </c>
      <c r="BY26" s="1">
        <v>0</v>
      </c>
      <c r="BZ26" s="1">
        <v>0</v>
      </c>
      <c r="CA26" s="1">
        <v>0</v>
      </c>
      <c r="CB26" s="1">
        <v>0</v>
      </c>
      <c r="CC26" s="1">
        <v>5</v>
      </c>
      <c r="CD26" s="1">
        <v>0</v>
      </c>
      <c r="CE26" s="1">
        <v>7366</v>
      </c>
      <c r="CF26" s="1">
        <v>0</v>
      </c>
      <c r="CG26" s="1">
        <v>0</v>
      </c>
      <c r="CH26" s="1">
        <v>0</v>
      </c>
      <c r="CI26" s="1">
        <v>0</v>
      </c>
      <c r="CJ26" s="1">
        <v>0</v>
      </c>
      <c r="CK26" s="1">
        <v>0</v>
      </c>
      <c r="CL26" s="1">
        <v>0</v>
      </c>
      <c r="CM26" s="1">
        <v>0</v>
      </c>
      <c r="CN26" s="1">
        <v>0</v>
      </c>
      <c r="CO26" s="1">
        <v>0</v>
      </c>
      <c r="CP26" s="1">
        <v>0</v>
      </c>
      <c r="CQ26" s="1">
        <v>24471</v>
      </c>
      <c r="CR26" s="1">
        <v>0</v>
      </c>
      <c r="CS26" s="1">
        <v>0</v>
      </c>
      <c r="CT26" s="1">
        <v>0</v>
      </c>
      <c r="CU26" s="1">
        <v>0</v>
      </c>
      <c r="CV26" s="1">
        <v>0</v>
      </c>
      <c r="CW26" s="1">
        <v>0</v>
      </c>
      <c r="CX26" s="1">
        <v>0</v>
      </c>
      <c r="CY26" s="1">
        <v>0</v>
      </c>
      <c r="CZ26" s="1">
        <v>0</v>
      </c>
      <c r="DA26" s="1">
        <v>0</v>
      </c>
      <c r="DB26" s="1">
        <v>0</v>
      </c>
      <c r="DC26" s="1">
        <v>0</v>
      </c>
      <c r="DD26" s="1">
        <v>0</v>
      </c>
      <c r="DE26" s="1">
        <v>4716379</v>
      </c>
    </row>
    <row r="27" spans="1:109" ht="10" customHeight="1">
      <c r="A27" s="26"/>
      <c r="B27" s="29"/>
      <c r="C27" s="28" t="s">
        <v>65</v>
      </c>
      <c r="D27" s="46">
        <v>394871</v>
      </c>
      <c r="E27" s="1">
        <v>0</v>
      </c>
      <c r="F27" s="1">
        <v>91427</v>
      </c>
      <c r="G27" s="1">
        <v>0</v>
      </c>
      <c r="H27" s="1">
        <v>0</v>
      </c>
      <c r="I27" s="1">
        <v>281894</v>
      </c>
      <c r="J27" s="1">
        <v>0</v>
      </c>
      <c r="K27" s="1">
        <v>526072</v>
      </c>
      <c r="L27" s="1">
        <v>283795</v>
      </c>
      <c r="M27" s="1">
        <v>0</v>
      </c>
      <c r="N27" s="1">
        <v>709067</v>
      </c>
      <c r="O27" s="1">
        <v>0</v>
      </c>
      <c r="P27" s="1">
        <v>0</v>
      </c>
      <c r="Q27" s="1">
        <v>278619</v>
      </c>
      <c r="R27" s="1">
        <v>0</v>
      </c>
      <c r="S27" s="1">
        <v>470170</v>
      </c>
      <c r="T27" s="1">
        <v>0</v>
      </c>
      <c r="U27" s="1">
        <v>0</v>
      </c>
      <c r="V27" s="1">
        <v>0</v>
      </c>
      <c r="W27" s="1">
        <v>0</v>
      </c>
      <c r="X27" s="1">
        <v>0</v>
      </c>
      <c r="Y27" s="1">
        <v>0</v>
      </c>
      <c r="Z27" s="1">
        <v>0</v>
      </c>
      <c r="AA27" s="1">
        <v>0</v>
      </c>
      <c r="AB27" s="1">
        <v>0</v>
      </c>
      <c r="AC27" s="1">
        <v>0</v>
      </c>
      <c r="AD27" s="1">
        <v>0</v>
      </c>
      <c r="AE27" s="1">
        <v>0</v>
      </c>
      <c r="AF27" s="1">
        <v>0</v>
      </c>
      <c r="AG27" s="1">
        <v>0</v>
      </c>
      <c r="AH27" s="1">
        <v>0</v>
      </c>
      <c r="AI27" s="1">
        <v>0</v>
      </c>
      <c r="AJ27" s="1">
        <v>0</v>
      </c>
      <c r="AK27" s="1">
        <v>0</v>
      </c>
      <c r="AL27" s="1">
        <v>225115</v>
      </c>
      <c r="AM27" s="1">
        <v>0</v>
      </c>
      <c r="AN27" s="1">
        <v>0</v>
      </c>
      <c r="AO27" s="1">
        <v>0</v>
      </c>
      <c r="AP27" s="1">
        <v>0</v>
      </c>
      <c r="AQ27" s="1">
        <v>0</v>
      </c>
      <c r="AR27" s="1">
        <v>0</v>
      </c>
      <c r="AS27" s="1">
        <v>0</v>
      </c>
      <c r="AT27" s="1">
        <v>0</v>
      </c>
      <c r="AU27" s="1">
        <v>0</v>
      </c>
      <c r="AV27" s="1">
        <v>0</v>
      </c>
      <c r="AW27" s="1">
        <v>0</v>
      </c>
      <c r="AX27" s="1">
        <v>0</v>
      </c>
      <c r="AY27" s="1">
        <v>0</v>
      </c>
      <c r="AZ27" s="1">
        <v>1248</v>
      </c>
      <c r="BA27" s="1">
        <v>0</v>
      </c>
      <c r="BB27" s="1">
        <v>0</v>
      </c>
      <c r="BC27" s="1">
        <v>0</v>
      </c>
      <c r="BD27" s="1">
        <v>910258</v>
      </c>
      <c r="BE27" s="1">
        <v>347244</v>
      </c>
      <c r="BF27" s="1">
        <v>4519780</v>
      </c>
      <c r="BG27" s="1">
        <v>60333</v>
      </c>
      <c r="BH27" s="1">
        <v>0</v>
      </c>
      <c r="BI27" s="1">
        <v>0</v>
      </c>
      <c r="BJ27" s="1">
        <v>0</v>
      </c>
      <c r="BK27" s="1">
        <v>0</v>
      </c>
      <c r="BL27" s="1">
        <v>0</v>
      </c>
      <c r="BM27" s="1">
        <v>0</v>
      </c>
      <c r="BN27" s="1">
        <v>94543</v>
      </c>
      <c r="BO27" s="1">
        <v>12740</v>
      </c>
      <c r="BP27" s="1">
        <v>0</v>
      </c>
      <c r="BQ27" s="1">
        <v>0</v>
      </c>
      <c r="BR27" s="1">
        <v>56515</v>
      </c>
      <c r="BS27" s="1">
        <v>224131</v>
      </c>
      <c r="BT27" s="1">
        <v>187386</v>
      </c>
      <c r="BU27" s="1">
        <v>48569</v>
      </c>
      <c r="BV27" s="1">
        <v>168940</v>
      </c>
      <c r="BW27" s="1">
        <v>38474</v>
      </c>
      <c r="BX27" s="1">
        <v>48705</v>
      </c>
      <c r="BY27" s="1">
        <v>267739</v>
      </c>
      <c r="BZ27" s="1">
        <v>176396</v>
      </c>
      <c r="CA27" s="1">
        <v>41032</v>
      </c>
      <c r="CB27" s="1">
        <v>10327</v>
      </c>
      <c r="CC27" s="1">
        <v>20161</v>
      </c>
      <c r="CD27" s="1">
        <v>7672</v>
      </c>
      <c r="CE27" s="1">
        <v>25696</v>
      </c>
      <c r="CF27" s="1">
        <v>9726</v>
      </c>
      <c r="CG27" s="1">
        <v>25721</v>
      </c>
      <c r="CH27" s="1">
        <v>30454</v>
      </c>
      <c r="CI27" s="1">
        <v>22887</v>
      </c>
      <c r="CJ27" s="1">
        <v>90278</v>
      </c>
      <c r="CK27" s="1">
        <v>9378</v>
      </c>
      <c r="CL27" s="1">
        <v>42921</v>
      </c>
      <c r="CM27" s="1">
        <v>4455</v>
      </c>
      <c r="CN27" s="1">
        <v>32719</v>
      </c>
      <c r="CO27" s="1">
        <v>13956</v>
      </c>
      <c r="CP27" s="1">
        <v>2575</v>
      </c>
      <c r="CQ27" s="1">
        <v>1326167</v>
      </c>
      <c r="CR27" s="1">
        <v>43376</v>
      </c>
      <c r="CS27" s="1">
        <v>10390</v>
      </c>
      <c r="CT27" s="1">
        <v>57291</v>
      </c>
      <c r="CU27" s="1">
        <v>1802</v>
      </c>
      <c r="CV27" s="1">
        <v>1640</v>
      </c>
      <c r="CW27" s="1">
        <v>11603</v>
      </c>
      <c r="CX27" s="1">
        <v>64146</v>
      </c>
      <c r="CY27" s="1">
        <v>24005</v>
      </c>
      <c r="CZ27" s="1">
        <v>46885</v>
      </c>
      <c r="DA27" s="1">
        <v>25225</v>
      </c>
      <c r="DB27" s="1">
        <v>2540</v>
      </c>
      <c r="DC27" s="1">
        <v>19559</v>
      </c>
      <c r="DD27" s="1">
        <v>308462</v>
      </c>
      <c r="DE27" s="1">
        <v>6378540</v>
      </c>
    </row>
    <row r="28" spans="1:109" ht="10" customHeight="1">
      <c r="A28" s="26"/>
      <c r="B28" s="29"/>
      <c r="C28" s="28" t="s">
        <v>66</v>
      </c>
      <c r="D28" s="46">
        <v>0</v>
      </c>
      <c r="E28" s="1">
        <v>0</v>
      </c>
      <c r="F28" s="1">
        <v>0</v>
      </c>
      <c r="G28" s="1">
        <v>0</v>
      </c>
      <c r="H28" s="1">
        <v>0</v>
      </c>
      <c r="I28" s="1">
        <v>0</v>
      </c>
      <c r="J28" s="1">
        <v>0</v>
      </c>
      <c r="K28" s="1">
        <v>0</v>
      </c>
      <c r="L28" s="1">
        <v>0</v>
      </c>
      <c r="M28" s="1">
        <v>0</v>
      </c>
      <c r="N28" s="1">
        <v>0</v>
      </c>
      <c r="O28" s="1">
        <v>0</v>
      </c>
      <c r="P28" s="1">
        <v>0</v>
      </c>
      <c r="Q28" s="1">
        <v>0</v>
      </c>
      <c r="R28" s="1">
        <v>0</v>
      </c>
      <c r="S28" s="1">
        <v>0</v>
      </c>
      <c r="T28" s="1">
        <v>0</v>
      </c>
      <c r="U28" s="1">
        <v>0</v>
      </c>
      <c r="V28" s="1">
        <v>0</v>
      </c>
      <c r="W28" s="1">
        <v>0</v>
      </c>
      <c r="X28" s="1">
        <v>0</v>
      </c>
      <c r="Y28" s="1">
        <v>0</v>
      </c>
      <c r="Z28" s="1">
        <v>0</v>
      </c>
      <c r="AA28" s="1">
        <v>0</v>
      </c>
      <c r="AB28" s="1">
        <v>0</v>
      </c>
      <c r="AC28" s="1">
        <v>0</v>
      </c>
      <c r="AD28" s="1">
        <v>0</v>
      </c>
      <c r="AE28" s="1">
        <v>0</v>
      </c>
      <c r="AF28" s="1">
        <v>0</v>
      </c>
      <c r="AG28" s="1">
        <v>0</v>
      </c>
      <c r="AH28" s="1">
        <v>0</v>
      </c>
      <c r="AI28" s="1">
        <v>0</v>
      </c>
      <c r="AJ28" s="1">
        <v>0</v>
      </c>
      <c r="AK28" s="1">
        <v>0</v>
      </c>
      <c r="AL28" s="1">
        <v>0</v>
      </c>
      <c r="AM28" s="1">
        <v>378</v>
      </c>
      <c r="AN28" s="1">
        <v>0</v>
      </c>
      <c r="AO28" s="1">
        <v>0</v>
      </c>
      <c r="AP28" s="1">
        <v>0</v>
      </c>
      <c r="AQ28" s="1">
        <v>0</v>
      </c>
      <c r="AR28" s="1">
        <v>0</v>
      </c>
      <c r="AS28" s="1">
        <v>0</v>
      </c>
      <c r="AT28" s="1">
        <v>0</v>
      </c>
      <c r="AU28" s="1">
        <v>0</v>
      </c>
      <c r="AV28" s="1">
        <v>0</v>
      </c>
      <c r="AW28" s="1">
        <v>0</v>
      </c>
      <c r="AX28" s="1">
        <v>0</v>
      </c>
      <c r="AY28" s="1">
        <v>0</v>
      </c>
      <c r="AZ28" s="1">
        <v>0</v>
      </c>
      <c r="BA28" s="1">
        <v>0</v>
      </c>
      <c r="BB28" s="1">
        <v>0</v>
      </c>
      <c r="BC28" s="1">
        <v>0</v>
      </c>
      <c r="BD28" s="1">
        <v>0</v>
      </c>
      <c r="BE28" s="1">
        <v>0</v>
      </c>
      <c r="BF28" s="1">
        <v>378</v>
      </c>
      <c r="BG28" s="1">
        <v>0</v>
      </c>
      <c r="BH28" s="1">
        <v>0</v>
      </c>
      <c r="BI28" s="1">
        <v>0</v>
      </c>
      <c r="BJ28" s="1">
        <v>0</v>
      </c>
      <c r="BK28" s="1">
        <v>0</v>
      </c>
      <c r="BL28" s="1">
        <v>0</v>
      </c>
      <c r="BM28" s="1">
        <v>0</v>
      </c>
      <c r="BN28" s="1">
        <v>0</v>
      </c>
      <c r="BO28" s="1">
        <v>0</v>
      </c>
      <c r="BP28" s="1">
        <v>0</v>
      </c>
      <c r="BQ28" s="1">
        <v>0</v>
      </c>
      <c r="BR28" s="1">
        <v>0</v>
      </c>
      <c r="BS28" s="1">
        <v>0</v>
      </c>
      <c r="BT28" s="1">
        <v>0</v>
      </c>
      <c r="BU28" s="1">
        <v>0</v>
      </c>
      <c r="BV28" s="1">
        <v>0</v>
      </c>
      <c r="BW28" s="1">
        <v>0</v>
      </c>
      <c r="BX28" s="1">
        <v>0</v>
      </c>
      <c r="BY28" s="1">
        <v>0</v>
      </c>
      <c r="BZ28" s="1">
        <v>0</v>
      </c>
      <c r="CA28" s="1">
        <v>0</v>
      </c>
      <c r="CB28" s="1">
        <v>0</v>
      </c>
      <c r="CC28" s="1">
        <v>0</v>
      </c>
      <c r="CD28" s="1">
        <v>0</v>
      </c>
      <c r="CE28" s="1">
        <v>0</v>
      </c>
      <c r="CF28" s="1">
        <v>0</v>
      </c>
      <c r="CG28" s="1">
        <v>0</v>
      </c>
      <c r="CH28" s="1">
        <v>0</v>
      </c>
      <c r="CI28" s="1">
        <v>0</v>
      </c>
      <c r="CJ28" s="1">
        <v>0</v>
      </c>
      <c r="CK28" s="1">
        <v>0</v>
      </c>
      <c r="CL28" s="1">
        <v>0</v>
      </c>
      <c r="CM28" s="1">
        <v>0</v>
      </c>
      <c r="CN28" s="1">
        <v>0</v>
      </c>
      <c r="CO28" s="1">
        <v>0</v>
      </c>
      <c r="CP28" s="1">
        <v>0</v>
      </c>
      <c r="CQ28" s="1">
        <v>0</v>
      </c>
      <c r="CR28" s="1">
        <v>0</v>
      </c>
      <c r="CS28" s="1">
        <v>0</v>
      </c>
      <c r="CT28" s="1">
        <v>0</v>
      </c>
      <c r="CU28" s="1">
        <v>0</v>
      </c>
      <c r="CV28" s="1">
        <v>0</v>
      </c>
      <c r="CW28" s="1">
        <v>0</v>
      </c>
      <c r="CX28" s="1">
        <v>0</v>
      </c>
      <c r="CY28" s="1">
        <v>0</v>
      </c>
      <c r="CZ28" s="1">
        <v>0</v>
      </c>
      <c r="DA28" s="1">
        <v>0</v>
      </c>
      <c r="DB28" s="1">
        <v>0</v>
      </c>
      <c r="DC28" s="1">
        <v>0</v>
      </c>
      <c r="DD28" s="1">
        <v>0</v>
      </c>
      <c r="DE28" s="1">
        <v>378</v>
      </c>
    </row>
    <row r="29" spans="1:109" ht="10" customHeight="1">
      <c r="A29" s="26"/>
      <c r="B29" s="29"/>
      <c r="C29" s="28" t="s">
        <v>67</v>
      </c>
      <c r="D29" s="46">
        <v>1058203</v>
      </c>
      <c r="E29" s="1">
        <v>0</v>
      </c>
      <c r="F29" s="1">
        <v>73412</v>
      </c>
      <c r="G29" s="1">
        <v>322171</v>
      </c>
      <c r="H29" s="1">
        <v>37627</v>
      </c>
      <c r="I29" s="1">
        <v>32663</v>
      </c>
      <c r="J29" s="1">
        <v>223170</v>
      </c>
      <c r="K29" s="1">
        <v>40161</v>
      </c>
      <c r="L29" s="1">
        <v>15363</v>
      </c>
      <c r="M29" s="1">
        <v>20988</v>
      </c>
      <c r="N29" s="1">
        <v>72210</v>
      </c>
      <c r="O29" s="1">
        <v>164950</v>
      </c>
      <c r="P29" s="1">
        <v>21136</v>
      </c>
      <c r="Q29" s="1">
        <v>0</v>
      </c>
      <c r="R29" s="1">
        <v>0</v>
      </c>
      <c r="S29" s="1">
        <v>19457</v>
      </c>
      <c r="T29" s="1">
        <v>129690</v>
      </c>
      <c r="U29" s="1">
        <v>179029</v>
      </c>
      <c r="V29" s="1">
        <v>243166</v>
      </c>
      <c r="W29" s="1">
        <v>52124</v>
      </c>
      <c r="X29" s="1">
        <v>103397</v>
      </c>
      <c r="Y29" s="1">
        <v>72821</v>
      </c>
      <c r="Z29" s="1">
        <v>0</v>
      </c>
      <c r="AA29" s="1">
        <v>0</v>
      </c>
      <c r="AB29" s="1">
        <v>0</v>
      </c>
      <c r="AC29" s="1">
        <v>88140</v>
      </c>
      <c r="AD29" s="1">
        <v>0</v>
      </c>
      <c r="AE29" s="1">
        <v>103330</v>
      </c>
      <c r="AF29" s="1">
        <v>48357</v>
      </c>
      <c r="AG29" s="1">
        <v>52143</v>
      </c>
      <c r="AH29" s="1">
        <v>53288</v>
      </c>
      <c r="AI29" s="1">
        <v>82903</v>
      </c>
      <c r="AJ29" s="1">
        <v>52223</v>
      </c>
      <c r="AK29" s="1">
        <v>13903</v>
      </c>
      <c r="AL29" s="1">
        <v>37342</v>
      </c>
      <c r="AM29" s="1">
        <v>53510</v>
      </c>
      <c r="AN29" s="1">
        <v>85527</v>
      </c>
      <c r="AO29" s="1">
        <v>0</v>
      </c>
      <c r="AP29" s="1">
        <v>19000</v>
      </c>
      <c r="AQ29" s="1">
        <v>24741</v>
      </c>
      <c r="AR29" s="1">
        <v>20839</v>
      </c>
      <c r="AS29" s="1">
        <v>0</v>
      </c>
      <c r="AT29" s="1">
        <v>9437</v>
      </c>
      <c r="AU29" s="1">
        <v>0</v>
      </c>
      <c r="AV29" s="1">
        <v>0</v>
      </c>
      <c r="AW29" s="1">
        <v>0</v>
      </c>
      <c r="AX29" s="1">
        <v>0</v>
      </c>
      <c r="AY29" s="1">
        <v>0</v>
      </c>
      <c r="AZ29" s="1">
        <v>0</v>
      </c>
      <c r="BA29" s="1">
        <v>15150</v>
      </c>
      <c r="BB29" s="1">
        <v>0</v>
      </c>
      <c r="BC29" s="1">
        <v>0</v>
      </c>
      <c r="BD29" s="1">
        <v>0</v>
      </c>
      <c r="BE29" s="1">
        <v>36513</v>
      </c>
      <c r="BF29" s="1">
        <v>3678084</v>
      </c>
      <c r="BG29" s="1">
        <v>529</v>
      </c>
      <c r="BH29" s="1">
        <v>0</v>
      </c>
      <c r="BI29" s="1">
        <v>0</v>
      </c>
      <c r="BJ29" s="1">
        <v>1985</v>
      </c>
      <c r="BK29" s="1">
        <v>3553</v>
      </c>
      <c r="BL29" s="1">
        <v>2749</v>
      </c>
      <c r="BM29" s="1">
        <v>0</v>
      </c>
      <c r="BN29" s="1">
        <v>2406</v>
      </c>
      <c r="BO29" s="1">
        <v>0</v>
      </c>
      <c r="BP29" s="1">
        <v>0</v>
      </c>
      <c r="BQ29" s="1">
        <v>0</v>
      </c>
      <c r="BR29" s="1">
        <v>15017</v>
      </c>
      <c r="BS29" s="1">
        <v>26239</v>
      </c>
      <c r="BT29" s="1">
        <v>10161</v>
      </c>
      <c r="BU29" s="1">
        <v>0</v>
      </c>
      <c r="BV29" s="1">
        <v>0</v>
      </c>
      <c r="BW29" s="1">
        <v>784</v>
      </c>
      <c r="BX29" s="1">
        <v>0</v>
      </c>
      <c r="BY29" s="1">
        <v>0</v>
      </c>
      <c r="BZ29" s="1">
        <v>7119</v>
      </c>
      <c r="CA29" s="1">
        <v>7400</v>
      </c>
      <c r="CB29" s="1">
        <v>446</v>
      </c>
      <c r="CC29" s="1">
        <v>244</v>
      </c>
      <c r="CD29" s="1">
        <v>411</v>
      </c>
      <c r="CE29" s="1">
        <v>0</v>
      </c>
      <c r="CF29" s="1">
        <v>265</v>
      </c>
      <c r="CG29" s="1">
        <v>0</v>
      </c>
      <c r="CH29" s="1">
        <v>773</v>
      </c>
      <c r="CI29" s="1">
        <v>0</v>
      </c>
      <c r="CJ29" s="1">
        <v>0</v>
      </c>
      <c r="CK29" s="1">
        <v>475</v>
      </c>
      <c r="CL29" s="1">
        <v>0</v>
      </c>
      <c r="CM29" s="1">
        <v>0</v>
      </c>
      <c r="CN29" s="1">
        <v>0</v>
      </c>
      <c r="CO29" s="1">
        <v>355</v>
      </c>
      <c r="CP29" s="1">
        <v>0</v>
      </c>
      <c r="CQ29" s="1">
        <v>28433</v>
      </c>
      <c r="CR29" s="1">
        <v>0</v>
      </c>
      <c r="CS29" s="1">
        <v>0</v>
      </c>
      <c r="CT29" s="1">
        <v>0</v>
      </c>
      <c r="CU29" s="1">
        <v>20</v>
      </c>
      <c r="CV29" s="1">
        <v>0</v>
      </c>
      <c r="CW29" s="1">
        <v>478</v>
      </c>
      <c r="CX29" s="1">
        <v>6686</v>
      </c>
      <c r="CY29" s="1">
        <v>35</v>
      </c>
      <c r="CZ29" s="1">
        <v>0</v>
      </c>
      <c r="DA29" s="1">
        <v>0</v>
      </c>
      <c r="DB29" s="1">
        <v>0</v>
      </c>
      <c r="DC29" s="1">
        <v>0</v>
      </c>
      <c r="DD29" s="1">
        <v>7219</v>
      </c>
      <c r="DE29" s="1">
        <v>3739975</v>
      </c>
    </row>
    <row r="30" spans="1:109" ht="10" customHeight="1">
      <c r="A30" s="26"/>
      <c r="B30" s="29"/>
      <c r="C30" s="28" t="s">
        <v>68</v>
      </c>
      <c r="D30" s="46">
        <v>234773</v>
      </c>
      <c r="E30" s="1">
        <v>450258</v>
      </c>
      <c r="F30" s="1">
        <v>40840</v>
      </c>
      <c r="G30" s="1">
        <v>184351</v>
      </c>
      <c r="H30" s="1">
        <v>20992</v>
      </c>
      <c r="I30" s="1">
        <v>39239</v>
      </c>
      <c r="J30" s="1">
        <v>176518</v>
      </c>
      <c r="K30" s="1">
        <v>56876</v>
      </c>
      <c r="L30" s="1">
        <v>50583</v>
      </c>
      <c r="M30" s="1">
        <v>158766</v>
      </c>
      <c r="N30" s="1">
        <v>87811</v>
      </c>
      <c r="O30" s="1">
        <v>9757</v>
      </c>
      <c r="P30" s="1">
        <v>136667</v>
      </c>
      <c r="Q30" s="1">
        <v>47605</v>
      </c>
      <c r="R30" s="1">
        <v>84813</v>
      </c>
      <c r="S30" s="1">
        <v>90630</v>
      </c>
      <c r="T30" s="1">
        <v>80445</v>
      </c>
      <c r="U30" s="1">
        <v>120854</v>
      </c>
      <c r="V30" s="1">
        <v>193790</v>
      </c>
      <c r="W30" s="1">
        <v>33965</v>
      </c>
      <c r="X30" s="1">
        <v>71419</v>
      </c>
      <c r="Y30" s="1">
        <v>46447</v>
      </c>
      <c r="Z30" s="1">
        <v>114307</v>
      </c>
      <c r="AA30" s="1">
        <v>147884</v>
      </c>
      <c r="AB30" s="1">
        <v>94852</v>
      </c>
      <c r="AC30" s="1">
        <v>39846</v>
      </c>
      <c r="AD30" s="1">
        <v>82907</v>
      </c>
      <c r="AE30" s="1">
        <v>133886</v>
      </c>
      <c r="AF30" s="1">
        <v>20091</v>
      </c>
      <c r="AG30" s="1">
        <v>61660</v>
      </c>
      <c r="AH30" s="1">
        <v>29607</v>
      </c>
      <c r="AI30" s="1">
        <v>47032</v>
      </c>
      <c r="AJ30" s="1">
        <v>58103</v>
      </c>
      <c r="AK30" s="1">
        <v>51218</v>
      </c>
      <c r="AL30" s="1">
        <v>51979</v>
      </c>
      <c r="AM30" s="1">
        <v>46346</v>
      </c>
      <c r="AN30" s="1">
        <v>35497</v>
      </c>
      <c r="AO30" s="1">
        <v>89736</v>
      </c>
      <c r="AP30" s="1">
        <v>23184</v>
      </c>
      <c r="AQ30" s="1">
        <v>42547</v>
      </c>
      <c r="AR30" s="1">
        <v>27974</v>
      </c>
      <c r="AS30" s="1">
        <v>35327</v>
      </c>
      <c r="AT30" s="1">
        <v>58212</v>
      </c>
      <c r="AU30" s="1">
        <v>38877</v>
      </c>
      <c r="AV30" s="1">
        <v>18345</v>
      </c>
      <c r="AW30" s="1">
        <v>16990</v>
      </c>
      <c r="AX30" s="1">
        <v>4330</v>
      </c>
      <c r="AY30" s="1">
        <v>15734</v>
      </c>
      <c r="AZ30" s="1">
        <v>20311</v>
      </c>
      <c r="BA30" s="1">
        <v>15270</v>
      </c>
      <c r="BB30" s="1">
        <v>41979</v>
      </c>
      <c r="BC30" s="1">
        <v>70149</v>
      </c>
      <c r="BD30" s="1">
        <v>188175</v>
      </c>
      <c r="BE30" s="1">
        <v>91420</v>
      </c>
      <c r="BF30" s="1">
        <v>4231174</v>
      </c>
      <c r="BG30" s="1">
        <v>3</v>
      </c>
      <c r="BH30" s="1">
        <v>0</v>
      </c>
      <c r="BI30" s="1">
        <v>0</v>
      </c>
      <c r="BJ30" s="1">
        <v>6886</v>
      </c>
      <c r="BK30" s="1">
        <v>13327</v>
      </c>
      <c r="BL30" s="1">
        <v>9095</v>
      </c>
      <c r="BM30" s="1">
        <v>14042</v>
      </c>
      <c r="BN30" s="1">
        <v>12624</v>
      </c>
      <c r="BO30" s="1">
        <v>1845</v>
      </c>
      <c r="BP30" s="1">
        <v>1116</v>
      </c>
      <c r="BQ30" s="1">
        <v>0</v>
      </c>
      <c r="BR30" s="1">
        <v>39558</v>
      </c>
      <c r="BS30" s="1">
        <v>98496</v>
      </c>
      <c r="BT30" s="1">
        <v>3758</v>
      </c>
      <c r="BU30" s="1">
        <v>465</v>
      </c>
      <c r="BV30" s="1">
        <v>60255</v>
      </c>
      <c r="BW30" s="1">
        <v>41654</v>
      </c>
      <c r="BX30" s="1">
        <v>6029</v>
      </c>
      <c r="BY30" s="1">
        <v>10586</v>
      </c>
      <c r="BZ30" s="1">
        <v>24950</v>
      </c>
      <c r="CA30" s="1">
        <v>732</v>
      </c>
      <c r="CB30" s="1">
        <v>3794</v>
      </c>
      <c r="CC30" s="1">
        <v>0</v>
      </c>
      <c r="CD30" s="1">
        <v>11906</v>
      </c>
      <c r="CE30" s="1">
        <v>8012</v>
      </c>
      <c r="CF30" s="1">
        <v>7531</v>
      </c>
      <c r="CG30" s="1">
        <v>891</v>
      </c>
      <c r="CH30" s="1">
        <v>9247</v>
      </c>
      <c r="CI30" s="1">
        <v>9926</v>
      </c>
      <c r="CJ30" s="1">
        <v>10253</v>
      </c>
      <c r="CK30" s="1">
        <v>14183</v>
      </c>
      <c r="CL30" s="1">
        <v>25400</v>
      </c>
      <c r="CM30" s="1">
        <v>1914</v>
      </c>
      <c r="CN30" s="1">
        <v>16590</v>
      </c>
      <c r="CO30" s="1">
        <v>7418</v>
      </c>
      <c r="CP30" s="1">
        <v>369</v>
      </c>
      <c r="CQ30" s="1">
        <v>275863</v>
      </c>
      <c r="CR30" s="1">
        <v>0</v>
      </c>
      <c r="CS30" s="1">
        <v>5653</v>
      </c>
      <c r="CT30" s="1">
        <v>4652</v>
      </c>
      <c r="CU30" s="1">
        <v>6636</v>
      </c>
      <c r="CV30" s="1">
        <v>9536</v>
      </c>
      <c r="CW30" s="1">
        <v>4569</v>
      </c>
      <c r="CX30" s="1">
        <v>8611</v>
      </c>
      <c r="CY30" s="1">
        <v>266</v>
      </c>
      <c r="CZ30" s="1">
        <v>3928</v>
      </c>
      <c r="DA30" s="1">
        <v>0</v>
      </c>
      <c r="DB30" s="1">
        <v>7173</v>
      </c>
      <c r="DC30" s="1">
        <v>0</v>
      </c>
      <c r="DD30" s="1">
        <v>51024</v>
      </c>
      <c r="DE30" s="1">
        <v>4656557</v>
      </c>
    </row>
    <row r="31" spans="1:109" ht="10" customHeight="1">
      <c r="A31" s="26"/>
      <c r="B31" s="54"/>
      <c r="C31" s="28" t="s">
        <v>69</v>
      </c>
      <c r="D31" s="46">
        <v>13810445</v>
      </c>
      <c r="E31" s="1">
        <v>2765358</v>
      </c>
      <c r="F31" s="1">
        <v>1879302</v>
      </c>
      <c r="G31" s="1">
        <v>4946625</v>
      </c>
      <c r="H31" s="1">
        <v>870096</v>
      </c>
      <c r="I31" s="1">
        <v>442059</v>
      </c>
      <c r="J31" s="1">
        <v>3271338</v>
      </c>
      <c r="K31" s="1">
        <v>939243</v>
      </c>
      <c r="L31" s="1">
        <v>979181</v>
      </c>
      <c r="M31" s="1">
        <v>965830</v>
      </c>
      <c r="N31" s="1">
        <v>1227459</v>
      </c>
      <c r="O31" s="1">
        <v>2412015</v>
      </c>
      <c r="P31" s="1">
        <v>1932522</v>
      </c>
      <c r="Q31" s="1">
        <v>637972</v>
      </c>
      <c r="R31" s="1">
        <v>1475482</v>
      </c>
      <c r="S31" s="1">
        <v>1470361</v>
      </c>
      <c r="T31" s="1">
        <v>1964887</v>
      </c>
      <c r="U31" s="1">
        <v>3335703</v>
      </c>
      <c r="V31" s="1">
        <v>3238894</v>
      </c>
      <c r="W31" s="1">
        <v>743806</v>
      </c>
      <c r="X31" s="1">
        <v>1089558</v>
      </c>
      <c r="Y31" s="1">
        <v>1306889</v>
      </c>
      <c r="Z31" s="1">
        <v>864917</v>
      </c>
      <c r="AA31" s="1">
        <v>856801</v>
      </c>
      <c r="AB31" s="1">
        <v>493487</v>
      </c>
      <c r="AC31" s="1">
        <v>2097473</v>
      </c>
      <c r="AD31" s="1">
        <v>987234</v>
      </c>
      <c r="AE31" s="1">
        <v>1838477</v>
      </c>
      <c r="AF31" s="1">
        <v>499322</v>
      </c>
      <c r="AG31" s="1">
        <v>1581902</v>
      </c>
      <c r="AH31" s="1">
        <v>694454</v>
      </c>
      <c r="AI31" s="1">
        <v>1707140</v>
      </c>
      <c r="AJ31" s="1">
        <v>499367</v>
      </c>
      <c r="AK31" s="1">
        <v>419293</v>
      </c>
      <c r="AL31" s="1">
        <v>526517</v>
      </c>
      <c r="AM31" s="1">
        <v>933536</v>
      </c>
      <c r="AN31" s="1">
        <v>713226</v>
      </c>
      <c r="AO31" s="1">
        <v>552264</v>
      </c>
      <c r="AP31" s="1">
        <v>530428</v>
      </c>
      <c r="AQ31" s="1">
        <v>239163</v>
      </c>
      <c r="AR31" s="1">
        <v>134149</v>
      </c>
      <c r="AS31" s="1">
        <v>176940</v>
      </c>
      <c r="AT31" s="1">
        <v>295883</v>
      </c>
      <c r="AU31" s="1">
        <v>330642</v>
      </c>
      <c r="AV31" s="1">
        <v>142054</v>
      </c>
      <c r="AW31" s="1">
        <v>68796</v>
      </c>
      <c r="AX31" s="1">
        <v>30577</v>
      </c>
      <c r="AY31" s="1">
        <v>127375</v>
      </c>
      <c r="AZ31" s="1">
        <v>297878</v>
      </c>
      <c r="BA31" s="1">
        <v>732305</v>
      </c>
      <c r="BB31" s="1">
        <v>509556</v>
      </c>
      <c r="BC31" s="1">
        <v>315336</v>
      </c>
      <c r="BD31" s="1">
        <v>2134095</v>
      </c>
      <c r="BE31" s="1">
        <v>874097</v>
      </c>
      <c r="BF31" s="1">
        <v>73909709</v>
      </c>
      <c r="BG31" s="1">
        <v>14022</v>
      </c>
      <c r="BH31" s="1">
        <v>0</v>
      </c>
      <c r="BI31" s="1">
        <v>26048</v>
      </c>
      <c r="BJ31" s="1">
        <v>153040</v>
      </c>
      <c r="BK31" s="1">
        <v>55774</v>
      </c>
      <c r="BL31" s="1">
        <v>129835</v>
      </c>
      <c r="BM31" s="1">
        <v>63362</v>
      </c>
      <c r="BN31" s="1">
        <v>138105</v>
      </c>
      <c r="BO31" s="1">
        <v>34775</v>
      </c>
      <c r="BP31" s="1">
        <v>14017</v>
      </c>
      <c r="BQ31" s="1">
        <v>61959</v>
      </c>
      <c r="BR31" s="1">
        <v>308592</v>
      </c>
      <c r="BS31" s="1">
        <v>999529</v>
      </c>
      <c r="BT31" s="1">
        <v>263976</v>
      </c>
      <c r="BU31" s="1">
        <v>91935</v>
      </c>
      <c r="BV31" s="1">
        <v>406366</v>
      </c>
      <c r="BW31" s="1">
        <v>80817</v>
      </c>
      <c r="BX31" s="1">
        <v>95949</v>
      </c>
      <c r="BY31" s="1">
        <v>429513</v>
      </c>
      <c r="BZ31" s="1">
        <v>296921</v>
      </c>
      <c r="CA31" s="1">
        <v>80137</v>
      </c>
      <c r="CB31" s="1">
        <v>12497</v>
      </c>
      <c r="CC31" s="1">
        <v>12362</v>
      </c>
      <c r="CD31" s="1">
        <v>25221</v>
      </c>
      <c r="CE31" s="1">
        <v>41522</v>
      </c>
      <c r="CF31" s="1">
        <v>17868</v>
      </c>
      <c r="CG31" s="1">
        <v>33848</v>
      </c>
      <c r="CH31" s="1">
        <v>46443</v>
      </c>
      <c r="CI31" s="1">
        <v>50620</v>
      </c>
      <c r="CJ31" s="1">
        <v>170155</v>
      </c>
      <c r="CK31" s="1">
        <v>20129</v>
      </c>
      <c r="CL31" s="1">
        <v>130290</v>
      </c>
      <c r="CM31" s="1">
        <v>6486</v>
      </c>
      <c r="CN31" s="1">
        <v>60807</v>
      </c>
      <c r="CO31" s="1">
        <v>29158</v>
      </c>
      <c r="CP31" s="1">
        <v>5998</v>
      </c>
      <c r="CQ31" s="1">
        <v>2409018</v>
      </c>
      <c r="CR31" s="1">
        <v>83016</v>
      </c>
      <c r="CS31" s="1">
        <v>6624</v>
      </c>
      <c r="CT31" s="1">
        <v>37143</v>
      </c>
      <c r="CU31" s="1">
        <v>246</v>
      </c>
      <c r="CV31" s="1">
        <v>1117</v>
      </c>
      <c r="CW31" s="1">
        <v>6947</v>
      </c>
      <c r="CX31" s="1">
        <v>50652</v>
      </c>
      <c r="CY31" s="1">
        <v>8716</v>
      </c>
      <c r="CZ31" s="1">
        <v>49449</v>
      </c>
      <c r="DA31" s="1">
        <v>12734</v>
      </c>
      <c r="DB31" s="1">
        <v>2017</v>
      </c>
      <c r="DC31" s="1">
        <v>5253</v>
      </c>
      <c r="DD31" s="1">
        <v>263914</v>
      </c>
      <c r="DE31" s="1">
        <v>77582170</v>
      </c>
    </row>
    <row r="32" spans="1:109" ht="10" customHeight="1">
      <c r="A32" s="26"/>
      <c r="B32" s="54"/>
      <c r="C32" s="58" t="s">
        <v>70</v>
      </c>
      <c r="D32" s="46">
        <v>18664</v>
      </c>
      <c r="E32" s="1">
        <v>4064</v>
      </c>
      <c r="F32" s="1">
        <v>55</v>
      </c>
      <c r="G32" s="1">
        <v>20274</v>
      </c>
      <c r="H32" s="1">
        <v>231</v>
      </c>
      <c r="I32" s="1">
        <v>14175</v>
      </c>
      <c r="J32" s="1">
        <v>17155</v>
      </c>
      <c r="K32" s="1">
        <v>1227</v>
      </c>
      <c r="L32" s="1">
        <v>299</v>
      </c>
      <c r="M32" s="1">
        <v>1199</v>
      </c>
      <c r="N32" s="1">
        <v>5701</v>
      </c>
      <c r="O32" s="1">
        <v>0</v>
      </c>
      <c r="P32" s="1">
        <v>0</v>
      </c>
      <c r="Q32" s="1">
        <v>0</v>
      </c>
      <c r="R32" s="1">
        <v>11360</v>
      </c>
      <c r="S32" s="1">
        <v>3318</v>
      </c>
      <c r="T32" s="1">
        <v>269</v>
      </c>
      <c r="U32" s="1">
        <v>73</v>
      </c>
      <c r="V32" s="1">
        <v>8931</v>
      </c>
      <c r="W32" s="1">
        <v>3990</v>
      </c>
      <c r="X32" s="1">
        <v>0</v>
      </c>
      <c r="Y32" s="1">
        <v>811</v>
      </c>
      <c r="Z32" s="1">
        <v>6507</v>
      </c>
      <c r="AA32" s="1">
        <v>17876</v>
      </c>
      <c r="AB32" s="1">
        <v>764</v>
      </c>
      <c r="AC32" s="1">
        <v>10623</v>
      </c>
      <c r="AD32" s="1">
        <v>200</v>
      </c>
      <c r="AE32" s="1">
        <v>2835</v>
      </c>
      <c r="AF32" s="1">
        <v>20</v>
      </c>
      <c r="AG32" s="1">
        <v>89</v>
      </c>
      <c r="AH32" s="1">
        <v>68277</v>
      </c>
      <c r="AI32" s="1">
        <v>0</v>
      </c>
      <c r="AJ32" s="1">
        <v>9</v>
      </c>
      <c r="AK32" s="1">
        <v>457</v>
      </c>
      <c r="AL32" s="1">
        <v>3797</v>
      </c>
      <c r="AM32" s="1">
        <v>19172</v>
      </c>
      <c r="AN32" s="1">
        <v>0</v>
      </c>
      <c r="AO32" s="1">
        <v>0</v>
      </c>
      <c r="AP32" s="1">
        <v>978</v>
      </c>
      <c r="AQ32" s="1">
        <v>593</v>
      </c>
      <c r="AR32" s="1">
        <v>0</v>
      </c>
      <c r="AS32" s="1">
        <v>16577</v>
      </c>
      <c r="AT32" s="1">
        <v>63</v>
      </c>
      <c r="AU32" s="1">
        <v>0</v>
      </c>
      <c r="AV32" s="1">
        <v>0</v>
      </c>
      <c r="AW32" s="1">
        <v>8001</v>
      </c>
      <c r="AX32" s="1">
        <v>0</v>
      </c>
      <c r="AY32" s="1">
        <v>135</v>
      </c>
      <c r="AZ32" s="1">
        <v>0</v>
      </c>
      <c r="BA32" s="1">
        <v>950</v>
      </c>
      <c r="BB32" s="1">
        <v>0</v>
      </c>
      <c r="BC32" s="1">
        <v>1208</v>
      </c>
      <c r="BD32" s="1">
        <v>0</v>
      </c>
      <c r="BE32" s="1">
        <v>69405</v>
      </c>
      <c r="BF32" s="1">
        <v>340332</v>
      </c>
      <c r="BG32" s="1">
        <v>626</v>
      </c>
      <c r="BH32" s="1">
        <v>0</v>
      </c>
      <c r="BI32" s="1">
        <v>0</v>
      </c>
      <c r="BJ32" s="1">
        <v>2093</v>
      </c>
      <c r="BK32" s="1">
        <v>0</v>
      </c>
      <c r="BL32" s="1">
        <v>0</v>
      </c>
      <c r="BM32" s="1">
        <v>0</v>
      </c>
      <c r="BN32" s="1">
        <v>3156</v>
      </c>
      <c r="BO32" s="1">
        <v>0</v>
      </c>
      <c r="BP32" s="1">
        <v>288</v>
      </c>
      <c r="BQ32" s="1">
        <v>0</v>
      </c>
      <c r="BR32" s="1">
        <v>0</v>
      </c>
      <c r="BS32" s="1">
        <v>6163</v>
      </c>
      <c r="BT32" s="1">
        <v>2336</v>
      </c>
      <c r="BU32" s="1">
        <v>790</v>
      </c>
      <c r="BV32" s="1">
        <v>3502</v>
      </c>
      <c r="BW32" s="1">
        <v>640</v>
      </c>
      <c r="BX32" s="1">
        <v>0</v>
      </c>
      <c r="BY32" s="1">
        <v>6273</v>
      </c>
      <c r="BZ32" s="1">
        <v>9026</v>
      </c>
      <c r="CA32" s="1">
        <v>0</v>
      </c>
      <c r="CB32" s="1">
        <v>224</v>
      </c>
      <c r="CC32" s="1">
        <v>0</v>
      </c>
      <c r="CD32" s="1">
        <v>0</v>
      </c>
      <c r="CE32" s="1">
        <v>0</v>
      </c>
      <c r="CF32" s="1">
        <v>339</v>
      </c>
      <c r="CG32" s="1">
        <v>0</v>
      </c>
      <c r="CH32" s="1">
        <v>0</v>
      </c>
      <c r="CI32" s="1">
        <v>3349</v>
      </c>
      <c r="CJ32" s="1">
        <v>0</v>
      </c>
      <c r="CK32" s="1">
        <v>1259</v>
      </c>
      <c r="CL32" s="1">
        <v>7598</v>
      </c>
      <c r="CM32" s="1">
        <v>45</v>
      </c>
      <c r="CN32" s="1">
        <v>268</v>
      </c>
      <c r="CO32" s="1">
        <v>1</v>
      </c>
      <c r="CP32" s="1">
        <v>95</v>
      </c>
      <c r="CQ32" s="1">
        <v>35745</v>
      </c>
      <c r="CR32" s="1">
        <v>0</v>
      </c>
      <c r="CS32" s="1">
        <v>0</v>
      </c>
      <c r="CT32" s="1">
        <v>0</v>
      </c>
      <c r="CU32" s="1">
        <v>0</v>
      </c>
      <c r="CV32" s="1">
        <v>0</v>
      </c>
      <c r="CW32" s="1">
        <v>0</v>
      </c>
      <c r="CX32" s="1">
        <v>2948</v>
      </c>
      <c r="CY32" s="1">
        <v>0</v>
      </c>
      <c r="CZ32" s="1">
        <v>0</v>
      </c>
      <c r="DA32" s="1">
        <v>0</v>
      </c>
      <c r="DB32" s="1">
        <v>0</v>
      </c>
      <c r="DC32" s="1">
        <v>0</v>
      </c>
      <c r="DD32" s="1">
        <v>2948</v>
      </c>
      <c r="DE32" s="1">
        <v>385188</v>
      </c>
    </row>
    <row r="33" spans="1:109" ht="10" customHeight="1">
      <c r="A33" s="26"/>
      <c r="B33" s="29"/>
      <c r="C33" s="57" t="s">
        <v>71</v>
      </c>
      <c r="D33" s="46">
        <v>4999982</v>
      </c>
      <c r="E33" s="1">
        <v>1431052</v>
      </c>
      <c r="F33" s="1">
        <v>716581</v>
      </c>
      <c r="G33" s="1">
        <v>1759608</v>
      </c>
      <c r="H33" s="1">
        <v>298925</v>
      </c>
      <c r="I33" s="1">
        <v>0</v>
      </c>
      <c r="J33" s="1">
        <v>1058100</v>
      </c>
      <c r="K33" s="1">
        <v>0</v>
      </c>
      <c r="L33" s="1">
        <v>37110</v>
      </c>
      <c r="M33" s="1">
        <v>438658</v>
      </c>
      <c r="N33" s="1">
        <v>0</v>
      </c>
      <c r="O33" s="1">
        <v>754172</v>
      </c>
      <c r="P33" s="1">
        <v>558780</v>
      </c>
      <c r="Q33" s="1">
        <v>0</v>
      </c>
      <c r="R33" s="1">
        <v>497415</v>
      </c>
      <c r="S33" s="1">
        <v>107234</v>
      </c>
      <c r="T33" s="1">
        <v>728651</v>
      </c>
      <c r="U33" s="1">
        <v>982380</v>
      </c>
      <c r="V33" s="1">
        <v>1110741</v>
      </c>
      <c r="W33" s="1">
        <v>301407</v>
      </c>
      <c r="X33" s="1">
        <v>516345</v>
      </c>
      <c r="Y33" s="1">
        <v>423772</v>
      </c>
      <c r="Z33" s="1">
        <v>509602</v>
      </c>
      <c r="AA33" s="1">
        <v>279989</v>
      </c>
      <c r="AB33" s="1">
        <v>273903</v>
      </c>
      <c r="AC33" s="1">
        <v>455379</v>
      </c>
      <c r="AD33" s="1">
        <v>325517</v>
      </c>
      <c r="AE33" s="1">
        <v>1030591</v>
      </c>
      <c r="AF33" s="1">
        <v>306456</v>
      </c>
      <c r="AG33" s="1">
        <v>496430</v>
      </c>
      <c r="AH33" s="1">
        <v>348014</v>
      </c>
      <c r="AI33" s="1">
        <v>490829</v>
      </c>
      <c r="AJ33" s="1">
        <v>172328</v>
      </c>
      <c r="AK33" s="1">
        <v>99096</v>
      </c>
      <c r="AL33" s="1">
        <v>0</v>
      </c>
      <c r="AM33" s="1">
        <v>217230</v>
      </c>
      <c r="AN33" s="1">
        <v>442860</v>
      </c>
      <c r="AO33" s="1">
        <v>139853</v>
      </c>
      <c r="AP33" s="1">
        <v>133093</v>
      </c>
      <c r="AQ33" s="1">
        <v>159355</v>
      </c>
      <c r="AR33" s="1">
        <v>104751</v>
      </c>
      <c r="AS33" s="1">
        <v>145840</v>
      </c>
      <c r="AT33" s="1">
        <v>123049</v>
      </c>
      <c r="AU33" s="1">
        <v>48021</v>
      </c>
      <c r="AV33" s="1">
        <v>34985</v>
      </c>
      <c r="AW33" s="1">
        <v>10019</v>
      </c>
      <c r="AX33" s="1">
        <v>6923</v>
      </c>
      <c r="AY33" s="1">
        <v>35249</v>
      </c>
      <c r="AZ33" s="1">
        <v>105394</v>
      </c>
      <c r="BA33" s="1">
        <v>102790</v>
      </c>
      <c r="BB33" s="1">
        <v>116234</v>
      </c>
      <c r="BC33" s="1">
        <v>61652</v>
      </c>
      <c r="BD33" s="1">
        <v>0</v>
      </c>
      <c r="BE33" s="1">
        <v>0</v>
      </c>
      <c r="BF33" s="1">
        <v>23496345</v>
      </c>
      <c r="BG33" s="1">
        <v>0</v>
      </c>
      <c r="BH33" s="1">
        <v>0</v>
      </c>
      <c r="BI33" s="1">
        <v>6466</v>
      </c>
      <c r="BJ33" s="1">
        <v>19632</v>
      </c>
      <c r="BK33" s="1">
        <v>11175</v>
      </c>
      <c r="BL33" s="1">
        <v>22159</v>
      </c>
      <c r="BM33" s="1">
        <v>0</v>
      </c>
      <c r="BN33" s="1">
        <v>0</v>
      </c>
      <c r="BO33" s="1">
        <v>0</v>
      </c>
      <c r="BP33" s="1">
        <v>4698</v>
      </c>
      <c r="BQ33" s="1">
        <v>12594</v>
      </c>
      <c r="BR33" s="1">
        <v>0</v>
      </c>
      <c r="BS33" s="1">
        <v>76724</v>
      </c>
      <c r="BT33" s="1">
        <v>0</v>
      </c>
      <c r="BU33" s="1">
        <v>0</v>
      </c>
      <c r="BV33" s="1">
        <v>0</v>
      </c>
      <c r="BW33" s="1">
        <v>0</v>
      </c>
      <c r="BX33" s="1">
        <v>0</v>
      </c>
      <c r="BY33" s="1">
        <v>0</v>
      </c>
      <c r="BZ33" s="1">
        <v>0</v>
      </c>
      <c r="CA33" s="1">
        <v>0</v>
      </c>
      <c r="CB33" s="1">
        <v>0</v>
      </c>
      <c r="CC33" s="1">
        <v>0</v>
      </c>
      <c r="CD33" s="1">
        <v>0</v>
      </c>
      <c r="CE33" s="1">
        <v>0</v>
      </c>
      <c r="CF33" s="1">
        <v>0</v>
      </c>
      <c r="CG33" s="1">
        <v>0</v>
      </c>
      <c r="CH33" s="1">
        <v>0</v>
      </c>
      <c r="CI33" s="1">
        <v>0</v>
      </c>
      <c r="CJ33" s="1">
        <v>0</v>
      </c>
      <c r="CK33" s="1">
        <v>0</v>
      </c>
      <c r="CL33" s="1">
        <v>0</v>
      </c>
      <c r="CM33" s="1">
        <v>0</v>
      </c>
      <c r="CN33" s="1">
        <v>0</v>
      </c>
      <c r="CO33" s="1">
        <v>0</v>
      </c>
      <c r="CP33" s="1">
        <v>0</v>
      </c>
      <c r="CQ33" s="1">
        <v>0</v>
      </c>
      <c r="CR33" s="1">
        <v>0</v>
      </c>
      <c r="CS33" s="1">
        <v>0</v>
      </c>
      <c r="CT33" s="1">
        <v>0</v>
      </c>
      <c r="CU33" s="1">
        <v>0</v>
      </c>
      <c r="CV33" s="1">
        <v>0</v>
      </c>
      <c r="CW33" s="1">
        <v>0</v>
      </c>
      <c r="CX33" s="1">
        <v>0</v>
      </c>
      <c r="CY33" s="1">
        <v>0</v>
      </c>
      <c r="CZ33" s="1">
        <v>0</v>
      </c>
      <c r="DA33" s="1">
        <v>0</v>
      </c>
      <c r="DB33" s="1">
        <v>0</v>
      </c>
      <c r="DC33" s="1">
        <v>0</v>
      </c>
      <c r="DD33" s="1">
        <v>0</v>
      </c>
      <c r="DE33" s="1">
        <v>23573069</v>
      </c>
    </row>
    <row r="34" spans="1:109" ht="10" customHeight="1">
      <c r="A34" s="26"/>
      <c r="B34" s="29"/>
      <c r="C34" s="56" t="s">
        <v>72</v>
      </c>
      <c r="D34" s="46">
        <v>170801</v>
      </c>
      <c r="E34" s="1">
        <v>72100</v>
      </c>
      <c r="F34" s="1">
        <v>0</v>
      </c>
      <c r="G34" s="1">
        <v>85206</v>
      </c>
      <c r="H34" s="1">
        <v>0</v>
      </c>
      <c r="I34" s="1">
        <v>8739</v>
      </c>
      <c r="J34" s="1">
        <v>16157</v>
      </c>
      <c r="K34" s="1">
        <v>0</v>
      </c>
      <c r="L34" s="1">
        <v>0</v>
      </c>
      <c r="M34" s="1">
        <v>90</v>
      </c>
      <c r="N34" s="1">
        <v>0</v>
      </c>
      <c r="O34" s="1">
        <v>32124</v>
      </c>
      <c r="P34" s="1">
        <v>2601</v>
      </c>
      <c r="Q34" s="1">
        <v>29379</v>
      </c>
      <c r="R34" s="1">
        <v>0</v>
      </c>
      <c r="S34" s="1">
        <v>0</v>
      </c>
      <c r="T34" s="1">
        <v>4483</v>
      </c>
      <c r="U34" s="1">
        <v>21990</v>
      </c>
      <c r="V34" s="1">
        <v>250</v>
      </c>
      <c r="W34" s="1">
        <v>0</v>
      </c>
      <c r="X34" s="1">
        <v>8272</v>
      </c>
      <c r="Y34" s="1">
        <v>1087</v>
      </c>
      <c r="Z34" s="1">
        <v>0</v>
      </c>
      <c r="AA34" s="1">
        <v>995</v>
      </c>
      <c r="AB34" s="1">
        <v>0</v>
      </c>
      <c r="AC34" s="1">
        <v>6</v>
      </c>
      <c r="AD34" s="1">
        <v>0</v>
      </c>
      <c r="AE34" s="1">
        <v>14216</v>
      </c>
      <c r="AF34" s="1">
        <v>24325</v>
      </c>
      <c r="AG34" s="1">
        <v>3981</v>
      </c>
      <c r="AH34" s="1">
        <v>0</v>
      </c>
      <c r="AI34" s="1">
        <v>541</v>
      </c>
      <c r="AJ34" s="1">
        <v>0</v>
      </c>
      <c r="AK34" s="1">
        <v>0</v>
      </c>
      <c r="AL34" s="1">
        <v>7308</v>
      </c>
      <c r="AM34" s="1">
        <v>1989</v>
      </c>
      <c r="AN34" s="1">
        <v>9014</v>
      </c>
      <c r="AO34" s="1">
        <v>0</v>
      </c>
      <c r="AP34" s="1">
        <v>0</v>
      </c>
      <c r="AQ34" s="1">
        <v>0</v>
      </c>
      <c r="AR34" s="1">
        <v>0</v>
      </c>
      <c r="AS34" s="1">
        <v>0</v>
      </c>
      <c r="AT34" s="1">
        <v>0</v>
      </c>
      <c r="AU34" s="1">
        <v>0</v>
      </c>
      <c r="AV34" s="1">
        <v>0</v>
      </c>
      <c r="AW34" s="1">
        <v>0</v>
      </c>
      <c r="AX34" s="1">
        <v>0</v>
      </c>
      <c r="AY34" s="1">
        <v>0</v>
      </c>
      <c r="AZ34" s="1">
        <v>0</v>
      </c>
      <c r="BA34" s="1">
        <v>0</v>
      </c>
      <c r="BB34" s="1">
        <v>0</v>
      </c>
      <c r="BC34" s="1">
        <v>0</v>
      </c>
      <c r="BD34" s="1">
        <v>134452</v>
      </c>
      <c r="BE34" s="1">
        <v>4509</v>
      </c>
      <c r="BF34" s="1">
        <v>654615</v>
      </c>
      <c r="BG34" s="1">
        <v>0</v>
      </c>
      <c r="BH34" s="1">
        <v>0</v>
      </c>
      <c r="BI34" s="1">
        <v>0</v>
      </c>
      <c r="BJ34" s="1">
        <v>0</v>
      </c>
      <c r="BK34" s="1">
        <v>0</v>
      </c>
      <c r="BL34" s="1">
        <v>0</v>
      </c>
      <c r="BM34" s="1">
        <v>0</v>
      </c>
      <c r="BN34" s="1">
        <v>8053</v>
      </c>
      <c r="BO34" s="1">
        <v>0</v>
      </c>
      <c r="BP34" s="1">
        <v>0</v>
      </c>
      <c r="BQ34" s="1">
        <v>0</v>
      </c>
      <c r="BR34" s="1">
        <v>0</v>
      </c>
      <c r="BS34" s="1">
        <v>8053</v>
      </c>
      <c r="BT34" s="1">
        <v>0</v>
      </c>
      <c r="BU34" s="1">
        <v>0</v>
      </c>
      <c r="BV34" s="1">
        <v>0</v>
      </c>
      <c r="BW34" s="1">
        <v>0</v>
      </c>
      <c r="BX34" s="1">
        <v>0</v>
      </c>
      <c r="BY34" s="1">
        <v>0</v>
      </c>
      <c r="BZ34" s="1">
        <v>24</v>
      </c>
      <c r="CA34" s="1">
        <v>0</v>
      </c>
      <c r="CB34" s="1">
        <v>0</v>
      </c>
      <c r="CC34" s="1">
        <v>0</v>
      </c>
      <c r="CD34" s="1">
        <v>0</v>
      </c>
      <c r="CE34" s="1">
        <v>0</v>
      </c>
      <c r="CF34" s="1">
        <v>0</v>
      </c>
      <c r="CG34" s="1">
        <v>0</v>
      </c>
      <c r="CH34" s="1">
        <v>0</v>
      </c>
      <c r="CI34" s="1">
        <v>0</v>
      </c>
      <c r="CJ34" s="1">
        <v>0</v>
      </c>
      <c r="CK34" s="1">
        <v>0</v>
      </c>
      <c r="CL34" s="1">
        <v>0</v>
      </c>
      <c r="CM34" s="1">
        <v>0</v>
      </c>
      <c r="CN34" s="1">
        <v>0</v>
      </c>
      <c r="CO34" s="1">
        <v>0</v>
      </c>
      <c r="CP34" s="1">
        <v>0</v>
      </c>
      <c r="CQ34" s="1">
        <v>24</v>
      </c>
      <c r="CR34" s="1">
        <v>0</v>
      </c>
      <c r="CS34" s="1">
        <v>0</v>
      </c>
      <c r="CT34" s="1">
        <v>0</v>
      </c>
      <c r="CU34" s="1">
        <v>0</v>
      </c>
      <c r="CV34" s="1">
        <v>0</v>
      </c>
      <c r="CW34" s="1">
        <v>0</v>
      </c>
      <c r="CX34" s="1">
        <v>0</v>
      </c>
      <c r="CY34" s="1">
        <v>1680</v>
      </c>
      <c r="CZ34" s="1">
        <v>0</v>
      </c>
      <c r="DA34" s="1">
        <v>0</v>
      </c>
      <c r="DB34" s="1">
        <v>0</v>
      </c>
      <c r="DC34" s="1">
        <v>0</v>
      </c>
      <c r="DD34" s="1">
        <v>1680</v>
      </c>
      <c r="DE34" s="1">
        <v>664372</v>
      </c>
    </row>
    <row r="35" spans="1:109" ht="10" customHeight="1">
      <c r="A35" s="26"/>
      <c r="B35" s="150" t="s">
        <v>73</v>
      </c>
      <c r="C35" s="152"/>
      <c r="D35" s="46">
        <v>2062149</v>
      </c>
      <c r="E35" s="1">
        <v>283515</v>
      </c>
      <c r="F35" s="1">
        <v>200671</v>
      </c>
      <c r="G35" s="1">
        <v>606841</v>
      </c>
      <c r="H35" s="1">
        <v>129587</v>
      </c>
      <c r="I35" s="1">
        <v>56840</v>
      </c>
      <c r="J35" s="1">
        <v>330488</v>
      </c>
      <c r="K35" s="1">
        <v>183985</v>
      </c>
      <c r="L35" s="1">
        <v>105527</v>
      </c>
      <c r="M35" s="1">
        <v>107332</v>
      </c>
      <c r="N35" s="1">
        <v>95276</v>
      </c>
      <c r="O35" s="1">
        <v>292581</v>
      </c>
      <c r="P35" s="1">
        <v>163522</v>
      </c>
      <c r="Q35" s="1">
        <v>62371</v>
      </c>
      <c r="R35" s="1">
        <v>143631</v>
      </c>
      <c r="S35" s="1">
        <v>200351</v>
      </c>
      <c r="T35" s="1">
        <v>202961</v>
      </c>
      <c r="U35" s="1">
        <v>401593</v>
      </c>
      <c r="V35" s="1">
        <v>349871</v>
      </c>
      <c r="W35" s="1">
        <v>73420</v>
      </c>
      <c r="X35" s="1">
        <v>140629</v>
      </c>
      <c r="Y35" s="1">
        <v>79084</v>
      </c>
      <c r="Z35" s="1">
        <v>56423</v>
      </c>
      <c r="AA35" s="1">
        <v>94469</v>
      </c>
      <c r="AB35" s="1">
        <v>63930</v>
      </c>
      <c r="AC35" s="1">
        <v>146306</v>
      </c>
      <c r="AD35" s="1">
        <v>71217</v>
      </c>
      <c r="AE35" s="1">
        <v>211339</v>
      </c>
      <c r="AF35" s="1">
        <v>47648</v>
      </c>
      <c r="AG35" s="1">
        <v>249450</v>
      </c>
      <c r="AH35" s="1">
        <v>56296</v>
      </c>
      <c r="AI35" s="1">
        <v>289816</v>
      </c>
      <c r="AJ35" s="1">
        <v>59230</v>
      </c>
      <c r="AK35" s="1">
        <v>47155</v>
      </c>
      <c r="AL35" s="1">
        <v>52784</v>
      </c>
      <c r="AM35" s="1">
        <v>72204</v>
      </c>
      <c r="AN35" s="1">
        <v>44221</v>
      </c>
      <c r="AO35" s="1">
        <v>60755</v>
      </c>
      <c r="AP35" s="1">
        <v>36523</v>
      </c>
      <c r="AQ35" s="1">
        <v>11328</v>
      </c>
      <c r="AR35" s="1">
        <v>15525</v>
      </c>
      <c r="AS35" s="1">
        <v>22742</v>
      </c>
      <c r="AT35" s="1">
        <v>42017</v>
      </c>
      <c r="AU35" s="1">
        <v>30568</v>
      </c>
      <c r="AV35" s="1">
        <v>7652</v>
      </c>
      <c r="AW35" s="1">
        <v>7792</v>
      </c>
      <c r="AX35" s="1">
        <v>11549</v>
      </c>
      <c r="AY35" s="1">
        <v>38913</v>
      </c>
      <c r="AZ35" s="1">
        <v>27980</v>
      </c>
      <c r="BA35" s="1">
        <v>42236</v>
      </c>
      <c r="BB35" s="1">
        <v>34134</v>
      </c>
      <c r="BC35" s="1">
        <v>24868</v>
      </c>
      <c r="BD35" s="1">
        <v>181665</v>
      </c>
      <c r="BE35" s="1">
        <v>71353</v>
      </c>
      <c r="BF35" s="1">
        <v>8502313</v>
      </c>
      <c r="BG35" s="1">
        <v>137</v>
      </c>
      <c r="BH35" s="1">
        <v>0</v>
      </c>
      <c r="BI35" s="1">
        <v>570</v>
      </c>
      <c r="BJ35" s="1">
        <v>20946</v>
      </c>
      <c r="BK35" s="1">
        <v>8846</v>
      </c>
      <c r="BL35" s="1">
        <v>10466</v>
      </c>
      <c r="BM35" s="1">
        <v>15354</v>
      </c>
      <c r="BN35" s="1">
        <v>24876</v>
      </c>
      <c r="BO35" s="1">
        <v>10167</v>
      </c>
      <c r="BP35" s="1">
        <v>4311</v>
      </c>
      <c r="BQ35" s="1">
        <v>4115</v>
      </c>
      <c r="BR35" s="1">
        <v>34291</v>
      </c>
      <c r="BS35" s="1">
        <v>134079</v>
      </c>
      <c r="BT35" s="1">
        <v>26156</v>
      </c>
      <c r="BU35" s="1">
        <v>9116</v>
      </c>
      <c r="BV35" s="1">
        <v>61060</v>
      </c>
      <c r="BW35" s="1">
        <v>14703</v>
      </c>
      <c r="BX35" s="1">
        <v>3485</v>
      </c>
      <c r="BY35" s="1">
        <v>47477</v>
      </c>
      <c r="BZ35" s="1">
        <v>46489</v>
      </c>
      <c r="CA35" s="1">
        <v>8765</v>
      </c>
      <c r="CB35" s="1">
        <v>3650</v>
      </c>
      <c r="CC35" s="1">
        <v>1810</v>
      </c>
      <c r="CD35" s="1">
        <v>2489</v>
      </c>
      <c r="CE35" s="1">
        <v>8452</v>
      </c>
      <c r="CF35" s="1">
        <v>2375</v>
      </c>
      <c r="CG35" s="1">
        <v>0</v>
      </c>
      <c r="CH35" s="1">
        <v>5927</v>
      </c>
      <c r="CI35" s="1">
        <v>7424</v>
      </c>
      <c r="CJ35" s="1">
        <v>37663</v>
      </c>
      <c r="CK35" s="1">
        <v>4431</v>
      </c>
      <c r="CL35" s="1">
        <v>18334</v>
      </c>
      <c r="CM35" s="1">
        <v>780</v>
      </c>
      <c r="CN35" s="1">
        <v>9144</v>
      </c>
      <c r="CO35" s="1">
        <v>4887</v>
      </c>
      <c r="CP35" s="1">
        <v>763</v>
      </c>
      <c r="CQ35" s="1">
        <v>325380</v>
      </c>
      <c r="CR35" s="1">
        <v>8413</v>
      </c>
      <c r="CS35" s="1">
        <v>432</v>
      </c>
      <c r="CT35" s="1">
        <v>3176</v>
      </c>
      <c r="CU35" s="1">
        <v>231</v>
      </c>
      <c r="CV35" s="1">
        <v>365</v>
      </c>
      <c r="CW35" s="1">
        <v>1365</v>
      </c>
      <c r="CX35" s="1">
        <v>6717</v>
      </c>
      <c r="CY35" s="1">
        <v>922</v>
      </c>
      <c r="CZ35" s="1">
        <v>4972</v>
      </c>
      <c r="DA35" s="1">
        <v>2711</v>
      </c>
      <c r="DB35" s="1">
        <v>109</v>
      </c>
      <c r="DC35" s="1">
        <v>385</v>
      </c>
      <c r="DD35" s="1">
        <v>29798</v>
      </c>
      <c r="DE35" s="1">
        <v>8991570</v>
      </c>
    </row>
    <row r="36" spans="1:109" ht="10" customHeight="1">
      <c r="A36" s="26"/>
      <c r="B36" s="29"/>
      <c r="C36" s="28" t="s">
        <v>74</v>
      </c>
      <c r="D36" s="46">
        <v>1985564</v>
      </c>
      <c r="E36" s="1">
        <v>191923</v>
      </c>
      <c r="F36" s="1">
        <v>179372</v>
      </c>
      <c r="G36" s="1">
        <v>568937</v>
      </c>
      <c r="H36" s="1">
        <v>114487</v>
      </c>
      <c r="I36" s="1">
        <v>49539</v>
      </c>
      <c r="J36" s="1">
        <v>263003</v>
      </c>
      <c r="K36" s="1">
        <v>106669</v>
      </c>
      <c r="L36" s="1">
        <v>102106</v>
      </c>
      <c r="M36" s="1">
        <v>98346</v>
      </c>
      <c r="N36" s="1">
        <v>72858</v>
      </c>
      <c r="O36" s="1">
        <v>288910</v>
      </c>
      <c r="P36" s="1">
        <v>149402</v>
      </c>
      <c r="Q36" s="1">
        <v>51962</v>
      </c>
      <c r="R36" s="1">
        <v>134171</v>
      </c>
      <c r="S36" s="1">
        <v>174281</v>
      </c>
      <c r="T36" s="1">
        <v>197459</v>
      </c>
      <c r="U36" s="1">
        <v>338899</v>
      </c>
      <c r="V36" s="1">
        <v>269232</v>
      </c>
      <c r="W36" s="1">
        <v>68244</v>
      </c>
      <c r="X36" s="1">
        <v>123078</v>
      </c>
      <c r="Y36" s="1">
        <v>67386</v>
      </c>
      <c r="Z36" s="1">
        <v>36865</v>
      </c>
      <c r="AA36" s="1">
        <v>45345</v>
      </c>
      <c r="AB36" s="1">
        <v>31360</v>
      </c>
      <c r="AC36" s="1">
        <v>133233</v>
      </c>
      <c r="AD36" s="1">
        <v>68989</v>
      </c>
      <c r="AE36" s="1">
        <v>174476</v>
      </c>
      <c r="AF36" s="1">
        <v>39020</v>
      </c>
      <c r="AG36" s="1">
        <v>246449</v>
      </c>
      <c r="AH36" s="1">
        <v>50390</v>
      </c>
      <c r="AI36" s="1">
        <v>288483</v>
      </c>
      <c r="AJ36" s="1">
        <v>59229</v>
      </c>
      <c r="AK36" s="1">
        <v>43912</v>
      </c>
      <c r="AL36" s="1">
        <v>51924</v>
      </c>
      <c r="AM36" s="1">
        <v>61263</v>
      </c>
      <c r="AN36" s="1">
        <v>38850</v>
      </c>
      <c r="AO36" s="1">
        <v>59059</v>
      </c>
      <c r="AP36" s="1">
        <v>35911</v>
      </c>
      <c r="AQ36" s="1">
        <v>9960</v>
      </c>
      <c r="AR36" s="1">
        <v>15525</v>
      </c>
      <c r="AS36" s="1">
        <v>22064</v>
      </c>
      <c r="AT36" s="1">
        <v>41469</v>
      </c>
      <c r="AU36" s="1">
        <v>29502</v>
      </c>
      <c r="AV36" s="1">
        <v>6643</v>
      </c>
      <c r="AW36" s="1">
        <v>7657</v>
      </c>
      <c r="AX36" s="1">
        <v>10872</v>
      </c>
      <c r="AY36" s="1">
        <v>35353</v>
      </c>
      <c r="AZ36" s="1">
        <v>27776</v>
      </c>
      <c r="BA36" s="1">
        <v>41082</v>
      </c>
      <c r="BB36" s="1">
        <v>33631</v>
      </c>
      <c r="BC36" s="1">
        <v>23964</v>
      </c>
      <c r="BD36" s="1">
        <v>164941</v>
      </c>
      <c r="BE36" s="1">
        <v>59059</v>
      </c>
      <c r="BF36" s="1">
        <v>7590084</v>
      </c>
      <c r="BG36" s="1">
        <v>137</v>
      </c>
      <c r="BH36" s="1">
        <v>0</v>
      </c>
      <c r="BI36" s="1">
        <v>570</v>
      </c>
      <c r="BJ36" s="1">
        <v>20946</v>
      </c>
      <c r="BK36" s="1">
        <v>8846</v>
      </c>
      <c r="BL36" s="1">
        <v>7980</v>
      </c>
      <c r="BM36" s="1">
        <v>14711</v>
      </c>
      <c r="BN36" s="1">
        <v>18193</v>
      </c>
      <c r="BO36" s="1">
        <v>9192</v>
      </c>
      <c r="BP36" s="1">
        <v>4311</v>
      </c>
      <c r="BQ36" s="1">
        <v>4115</v>
      </c>
      <c r="BR36" s="1">
        <v>34285</v>
      </c>
      <c r="BS36" s="1">
        <v>123286</v>
      </c>
      <c r="BT36" s="1">
        <v>14791</v>
      </c>
      <c r="BU36" s="1">
        <v>8665</v>
      </c>
      <c r="BV36" s="1">
        <v>51248</v>
      </c>
      <c r="BW36" s="1">
        <v>9851</v>
      </c>
      <c r="BX36" s="1">
        <v>3455</v>
      </c>
      <c r="BY36" s="1">
        <v>47477</v>
      </c>
      <c r="BZ36" s="1">
        <v>42354</v>
      </c>
      <c r="CA36" s="1">
        <v>8765</v>
      </c>
      <c r="CB36" s="1">
        <v>2641</v>
      </c>
      <c r="CC36" s="1">
        <v>664</v>
      </c>
      <c r="CD36" s="1">
        <v>1996</v>
      </c>
      <c r="CE36" s="1">
        <v>6466</v>
      </c>
      <c r="CF36" s="1">
        <v>1622</v>
      </c>
      <c r="CG36" s="1">
        <v>0</v>
      </c>
      <c r="CH36" s="1">
        <v>5927</v>
      </c>
      <c r="CI36" s="1">
        <v>5350</v>
      </c>
      <c r="CJ36" s="1">
        <v>19913</v>
      </c>
      <c r="CK36" s="1">
        <v>3180</v>
      </c>
      <c r="CL36" s="1">
        <v>15274</v>
      </c>
      <c r="CM36" s="1">
        <v>780</v>
      </c>
      <c r="CN36" s="1">
        <v>8397</v>
      </c>
      <c r="CO36" s="1">
        <v>4056</v>
      </c>
      <c r="CP36" s="1">
        <v>557</v>
      </c>
      <c r="CQ36" s="1">
        <v>263429</v>
      </c>
      <c r="CR36" s="1">
        <v>8413</v>
      </c>
      <c r="CS36" s="1">
        <v>432</v>
      </c>
      <c r="CT36" s="1">
        <v>2148</v>
      </c>
      <c r="CU36" s="1">
        <v>0</v>
      </c>
      <c r="CV36" s="1">
        <v>91</v>
      </c>
      <c r="CW36" s="1">
        <v>1218</v>
      </c>
      <c r="CX36" s="1">
        <v>6112</v>
      </c>
      <c r="CY36" s="1">
        <v>459</v>
      </c>
      <c r="CZ36" s="1">
        <v>3182</v>
      </c>
      <c r="DA36" s="1">
        <v>1389</v>
      </c>
      <c r="DB36" s="1">
        <v>109</v>
      </c>
      <c r="DC36" s="1">
        <v>371</v>
      </c>
      <c r="DD36" s="1">
        <v>23924</v>
      </c>
      <c r="DE36" s="1">
        <v>8000723</v>
      </c>
    </row>
    <row r="37" spans="1:109" ht="10" customHeight="1">
      <c r="A37" s="26"/>
      <c r="B37" s="29"/>
      <c r="C37" s="28" t="s">
        <v>75</v>
      </c>
      <c r="D37" s="46">
        <v>0</v>
      </c>
      <c r="E37" s="1">
        <v>0</v>
      </c>
      <c r="F37" s="1">
        <v>0</v>
      </c>
      <c r="G37" s="1">
        <v>0</v>
      </c>
      <c r="H37" s="1">
        <v>0</v>
      </c>
      <c r="I37" s="1">
        <v>0</v>
      </c>
      <c r="J37" s="1">
        <v>0</v>
      </c>
      <c r="K37" s="1">
        <v>0</v>
      </c>
      <c r="L37" s="1">
        <v>0</v>
      </c>
      <c r="M37" s="1">
        <v>0</v>
      </c>
      <c r="N37" s="1">
        <v>0</v>
      </c>
      <c r="O37" s="1">
        <v>0</v>
      </c>
      <c r="P37" s="1">
        <v>0</v>
      </c>
      <c r="Q37" s="1">
        <v>0</v>
      </c>
      <c r="R37" s="1">
        <v>0</v>
      </c>
      <c r="S37" s="1">
        <v>0</v>
      </c>
      <c r="T37" s="1">
        <v>0</v>
      </c>
      <c r="U37" s="1">
        <v>0</v>
      </c>
      <c r="V37" s="1">
        <v>0</v>
      </c>
      <c r="W37" s="1">
        <v>0</v>
      </c>
      <c r="X37" s="1">
        <v>0</v>
      </c>
      <c r="Y37" s="1">
        <v>0</v>
      </c>
      <c r="Z37" s="1">
        <v>0</v>
      </c>
      <c r="AA37" s="1">
        <v>0</v>
      </c>
      <c r="AB37" s="1">
        <v>0</v>
      </c>
      <c r="AC37" s="1">
        <v>0</v>
      </c>
      <c r="AD37" s="1">
        <v>0</v>
      </c>
      <c r="AE37" s="1">
        <v>0</v>
      </c>
      <c r="AF37" s="1">
        <v>0</v>
      </c>
      <c r="AG37" s="1">
        <v>0</v>
      </c>
      <c r="AH37" s="1">
        <v>0</v>
      </c>
      <c r="AI37" s="1">
        <v>0</v>
      </c>
      <c r="AJ37" s="1">
        <v>0</v>
      </c>
      <c r="AK37" s="1">
        <v>0</v>
      </c>
      <c r="AL37" s="1">
        <v>0</v>
      </c>
      <c r="AM37" s="1">
        <v>0</v>
      </c>
      <c r="AN37" s="1">
        <v>0</v>
      </c>
      <c r="AO37" s="1">
        <v>0</v>
      </c>
      <c r="AP37" s="1">
        <v>0</v>
      </c>
      <c r="AQ37" s="1">
        <v>0</v>
      </c>
      <c r="AR37" s="1">
        <v>0</v>
      </c>
      <c r="AS37" s="1">
        <v>0</v>
      </c>
      <c r="AT37" s="1">
        <v>0</v>
      </c>
      <c r="AU37" s="1">
        <v>0</v>
      </c>
      <c r="AV37" s="1">
        <v>0</v>
      </c>
      <c r="AW37" s="1">
        <v>0</v>
      </c>
      <c r="AX37" s="1">
        <v>0</v>
      </c>
      <c r="AY37" s="1">
        <v>0</v>
      </c>
      <c r="AZ37" s="1">
        <v>0</v>
      </c>
      <c r="BA37" s="1">
        <v>0</v>
      </c>
      <c r="BB37" s="1">
        <v>0</v>
      </c>
      <c r="BC37" s="1">
        <v>0</v>
      </c>
      <c r="BD37" s="1">
        <v>0</v>
      </c>
      <c r="BE37" s="1">
        <v>0</v>
      </c>
      <c r="BF37" s="1">
        <v>0</v>
      </c>
      <c r="BG37" s="1">
        <v>0</v>
      </c>
      <c r="BH37" s="1">
        <v>0</v>
      </c>
      <c r="BI37" s="1">
        <v>0</v>
      </c>
      <c r="BJ37" s="1">
        <v>0</v>
      </c>
      <c r="BK37" s="1">
        <v>0</v>
      </c>
      <c r="BL37" s="1">
        <v>0</v>
      </c>
      <c r="BM37" s="1">
        <v>0</v>
      </c>
      <c r="BN37" s="1">
        <v>0</v>
      </c>
      <c r="BO37" s="1">
        <v>0</v>
      </c>
      <c r="BP37" s="1">
        <v>0</v>
      </c>
      <c r="BQ37" s="1">
        <v>0</v>
      </c>
      <c r="BR37" s="1">
        <v>0</v>
      </c>
      <c r="BS37" s="1">
        <v>0</v>
      </c>
      <c r="BT37" s="1">
        <v>0</v>
      </c>
      <c r="BU37" s="1">
        <v>0</v>
      </c>
      <c r="BV37" s="1">
        <v>0</v>
      </c>
      <c r="BW37" s="1">
        <v>0</v>
      </c>
      <c r="BX37" s="1">
        <v>0</v>
      </c>
      <c r="BY37" s="1">
        <v>0</v>
      </c>
      <c r="BZ37" s="1">
        <v>0</v>
      </c>
      <c r="CA37" s="1">
        <v>0</v>
      </c>
      <c r="CB37" s="1">
        <v>0</v>
      </c>
      <c r="CC37" s="1">
        <v>0</v>
      </c>
      <c r="CD37" s="1">
        <v>0</v>
      </c>
      <c r="CE37" s="1">
        <v>0</v>
      </c>
      <c r="CF37" s="1">
        <v>0</v>
      </c>
      <c r="CG37" s="1">
        <v>0</v>
      </c>
      <c r="CH37" s="1">
        <v>0</v>
      </c>
      <c r="CI37" s="1">
        <v>0</v>
      </c>
      <c r="CJ37" s="1">
        <v>0</v>
      </c>
      <c r="CK37" s="1">
        <v>0</v>
      </c>
      <c r="CL37" s="1">
        <v>0</v>
      </c>
      <c r="CM37" s="1">
        <v>0</v>
      </c>
      <c r="CN37" s="1">
        <v>0</v>
      </c>
      <c r="CO37" s="1">
        <v>0</v>
      </c>
      <c r="CP37" s="1">
        <v>0</v>
      </c>
      <c r="CQ37" s="1">
        <v>0</v>
      </c>
      <c r="CR37" s="1">
        <v>0</v>
      </c>
      <c r="CS37" s="1">
        <v>0</v>
      </c>
      <c r="CT37" s="1">
        <v>0</v>
      </c>
      <c r="CU37" s="1">
        <v>0</v>
      </c>
      <c r="CV37" s="1">
        <v>0</v>
      </c>
      <c r="CW37" s="1">
        <v>0</v>
      </c>
      <c r="CX37" s="1">
        <v>0</v>
      </c>
      <c r="CY37" s="1">
        <v>0</v>
      </c>
      <c r="CZ37" s="1">
        <v>0</v>
      </c>
      <c r="DA37" s="1">
        <v>0</v>
      </c>
      <c r="DB37" s="1">
        <v>0</v>
      </c>
      <c r="DC37" s="1">
        <v>0</v>
      </c>
      <c r="DD37" s="1">
        <v>0</v>
      </c>
      <c r="DE37" s="1">
        <v>0</v>
      </c>
    </row>
    <row r="38" spans="1:109" ht="10" customHeight="1">
      <c r="A38" s="26"/>
      <c r="B38" s="29"/>
      <c r="C38" s="28" t="s">
        <v>66</v>
      </c>
      <c r="D38" s="46">
        <v>0</v>
      </c>
      <c r="E38" s="1">
        <v>0</v>
      </c>
      <c r="F38" s="1">
        <v>0</v>
      </c>
      <c r="G38" s="1">
        <v>0</v>
      </c>
      <c r="H38" s="1">
        <v>0</v>
      </c>
      <c r="I38" s="1">
        <v>0</v>
      </c>
      <c r="J38" s="1">
        <v>0</v>
      </c>
      <c r="K38" s="1">
        <v>0</v>
      </c>
      <c r="L38" s="1">
        <v>0</v>
      </c>
      <c r="M38" s="1">
        <v>0</v>
      </c>
      <c r="N38" s="1">
        <v>0</v>
      </c>
      <c r="O38" s="1">
        <v>0</v>
      </c>
      <c r="P38" s="1">
        <v>0</v>
      </c>
      <c r="Q38" s="1">
        <v>0</v>
      </c>
      <c r="R38" s="1">
        <v>0</v>
      </c>
      <c r="S38" s="1">
        <v>0</v>
      </c>
      <c r="T38" s="1">
        <v>0</v>
      </c>
      <c r="U38" s="1">
        <v>0</v>
      </c>
      <c r="V38" s="1">
        <v>0</v>
      </c>
      <c r="W38" s="1">
        <v>0</v>
      </c>
      <c r="X38" s="1">
        <v>0</v>
      </c>
      <c r="Y38" s="1">
        <v>0</v>
      </c>
      <c r="Z38" s="1">
        <v>0</v>
      </c>
      <c r="AA38" s="1">
        <v>0</v>
      </c>
      <c r="AB38" s="1">
        <v>0</v>
      </c>
      <c r="AC38" s="1">
        <v>0</v>
      </c>
      <c r="AD38" s="1">
        <v>0</v>
      </c>
      <c r="AE38" s="1">
        <v>0</v>
      </c>
      <c r="AF38" s="1">
        <v>0</v>
      </c>
      <c r="AG38" s="1">
        <v>0</v>
      </c>
      <c r="AH38" s="1">
        <v>0</v>
      </c>
      <c r="AI38" s="1">
        <v>0</v>
      </c>
      <c r="AJ38" s="1">
        <v>0</v>
      </c>
      <c r="AK38" s="1">
        <v>0</v>
      </c>
      <c r="AL38" s="1">
        <v>0</v>
      </c>
      <c r="AM38" s="1">
        <v>0</v>
      </c>
      <c r="AN38" s="1">
        <v>0</v>
      </c>
      <c r="AO38" s="1">
        <v>0</v>
      </c>
      <c r="AP38" s="1">
        <v>0</v>
      </c>
      <c r="AQ38" s="1">
        <v>0</v>
      </c>
      <c r="AR38" s="1">
        <v>0</v>
      </c>
      <c r="AS38" s="1">
        <v>0</v>
      </c>
      <c r="AT38" s="1">
        <v>0</v>
      </c>
      <c r="AU38" s="1">
        <v>0</v>
      </c>
      <c r="AV38" s="1">
        <v>0</v>
      </c>
      <c r="AW38" s="1">
        <v>0</v>
      </c>
      <c r="AX38" s="1">
        <v>0</v>
      </c>
      <c r="AY38" s="1">
        <v>0</v>
      </c>
      <c r="AZ38" s="1">
        <v>0</v>
      </c>
      <c r="BA38" s="1">
        <v>0</v>
      </c>
      <c r="BB38" s="1">
        <v>0</v>
      </c>
      <c r="BC38" s="1">
        <v>0</v>
      </c>
      <c r="BD38" s="1">
        <v>0</v>
      </c>
      <c r="BE38" s="1">
        <v>0</v>
      </c>
      <c r="BF38" s="1">
        <v>0</v>
      </c>
      <c r="BG38" s="1">
        <v>0</v>
      </c>
      <c r="BH38" s="1">
        <v>0</v>
      </c>
      <c r="BI38" s="1">
        <v>0</v>
      </c>
      <c r="BJ38" s="1">
        <v>0</v>
      </c>
      <c r="BK38" s="1">
        <v>0</v>
      </c>
      <c r="BL38" s="1">
        <v>0</v>
      </c>
      <c r="BM38" s="1">
        <v>0</v>
      </c>
      <c r="BN38" s="1">
        <v>0</v>
      </c>
      <c r="BO38" s="1">
        <v>0</v>
      </c>
      <c r="BP38" s="1">
        <v>0</v>
      </c>
      <c r="BQ38" s="1">
        <v>0</v>
      </c>
      <c r="BR38" s="1">
        <v>0</v>
      </c>
      <c r="BS38" s="1">
        <v>0</v>
      </c>
      <c r="BT38" s="1">
        <v>0</v>
      </c>
      <c r="BU38" s="1">
        <v>0</v>
      </c>
      <c r="BV38" s="1">
        <v>0</v>
      </c>
      <c r="BW38" s="1">
        <v>0</v>
      </c>
      <c r="BX38" s="1">
        <v>0</v>
      </c>
      <c r="BY38" s="1">
        <v>0</v>
      </c>
      <c r="BZ38" s="1">
        <v>0</v>
      </c>
      <c r="CA38" s="1">
        <v>0</v>
      </c>
      <c r="CB38" s="1">
        <v>0</v>
      </c>
      <c r="CC38" s="1">
        <v>0</v>
      </c>
      <c r="CD38" s="1">
        <v>0</v>
      </c>
      <c r="CE38" s="1">
        <v>0</v>
      </c>
      <c r="CF38" s="1">
        <v>0</v>
      </c>
      <c r="CG38" s="1">
        <v>0</v>
      </c>
      <c r="CH38" s="1">
        <v>0</v>
      </c>
      <c r="CI38" s="1">
        <v>0</v>
      </c>
      <c r="CJ38" s="1">
        <v>0</v>
      </c>
      <c r="CK38" s="1">
        <v>0</v>
      </c>
      <c r="CL38" s="1">
        <v>0</v>
      </c>
      <c r="CM38" s="1">
        <v>0</v>
      </c>
      <c r="CN38" s="1">
        <v>0</v>
      </c>
      <c r="CO38" s="1">
        <v>0</v>
      </c>
      <c r="CP38" s="1">
        <v>0</v>
      </c>
      <c r="CQ38" s="1">
        <v>0</v>
      </c>
      <c r="CR38" s="1">
        <v>0</v>
      </c>
      <c r="CS38" s="1">
        <v>0</v>
      </c>
      <c r="CT38" s="1">
        <v>0</v>
      </c>
      <c r="CU38" s="1">
        <v>0</v>
      </c>
      <c r="CV38" s="1">
        <v>0</v>
      </c>
      <c r="CW38" s="1">
        <v>0</v>
      </c>
      <c r="CX38" s="1">
        <v>0</v>
      </c>
      <c r="CY38" s="1">
        <v>0</v>
      </c>
      <c r="CZ38" s="1">
        <v>0</v>
      </c>
      <c r="DA38" s="1">
        <v>0</v>
      </c>
      <c r="DB38" s="1">
        <v>0</v>
      </c>
      <c r="DC38" s="1">
        <v>0</v>
      </c>
      <c r="DD38" s="1">
        <v>0</v>
      </c>
      <c r="DE38" s="1">
        <v>0</v>
      </c>
    </row>
    <row r="39" spans="1:109" ht="10" customHeight="1">
      <c r="A39" s="26"/>
      <c r="B39" s="29"/>
      <c r="C39" s="28" t="s">
        <v>76</v>
      </c>
      <c r="D39" s="46">
        <v>0</v>
      </c>
      <c r="E39" s="1">
        <v>0</v>
      </c>
      <c r="F39" s="1">
        <v>0</v>
      </c>
      <c r="G39" s="1">
        <v>0</v>
      </c>
      <c r="H39" s="1">
        <v>0</v>
      </c>
      <c r="I39" s="1">
        <v>0</v>
      </c>
      <c r="J39" s="1">
        <v>0</v>
      </c>
      <c r="K39" s="1">
        <v>0</v>
      </c>
      <c r="L39" s="1">
        <v>0</v>
      </c>
      <c r="M39" s="1">
        <v>0</v>
      </c>
      <c r="N39" s="1">
        <v>0</v>
      </c>
      <c r="O39" s="1">
        <v>0</v>
      </c>
      <c r="P39" s="1">
        <v>0</v>
      </c>
      <c r="Q39" s="1">
        <v>0</v>
      </c>
      <c r="R39" s="1">
        <v>0</v>
      </c>
      <c r="S39" s="1">
        <v>0</v>
      </c>
      <c r="T39" s="1">
        <v>0</v>
      </c>
      <c r="U39" s="1">
        <v>0</v>
      </c>
      <c r="V39" s="1">
        <v>0</v>
      </c>
      <c r="W39" s="1">
        <v>0</v>
      </c>
      <c r="X39" s="1">
        <v>0</v>
      </c>
      <c r="Y39" s="1">
        <v>0</v>
      </c>
      <c r="Z39" s="1">
        <v>0</v>
      </c>
      <c r="AA39" s="1">
        <v>0</v>
      </c>
      <c r="AB39" s="1">
        <v>0</v>
      </c>
      <c r="AC39" s="1">
        <v>0</v>
      </c>
      <c r="AD39" s="1">
        <v>0</v>
      </c>
      <c r="AE39" s="1">
        <v>0</v>
      </c>
      <c r="AF39" s="1">
        <v>0</v>
      </c>
      <c r="AG39" s="1">
        <v>0</v>
      </c>
      <c r="AH39" s="1">
        <v>0</v>
      </c>
      <c r="AI39" s="1">
        <v>0</v>
      </c>
      <c r="AJ39" s="1">
        <v>0</v>
      </c>
      <c r="AK39" s="1">
        <v>0</v>
      </c>
      <c r="AL39" s="1">
        <v>0</v>
      </c>
      <c r="AM39" s="1">
        <v>0</v>
      </c>
      <c r="AN39" s="1">
        <v>0</v>
      </c>
      <c r="AO39" s="1">
        <v>0</v>
      </c>
      <c r="AP39" s="1">
        <v>0</v>
      </c>
      <c r="AQ39" s="1">
        <v>0</v>
      </c>
      <c r="AR39" s="1">
        <v>0</v>
      </c>
      <c r="AS39" s="1">
        <v>0</v>
      </c>
      <c r="AT39" s="1">
        <v>0</v>
      </c>
      <c r="AU39" s="1">
        <v>0</v>
      </c>
      <c r="AV39" s="1">
        <v>0</v>
      </c>
      <c r="AW39" s="1">
        <v>0</v>
      </c>
      <c r="AX39" s="1">
        <v>0</v>
      </c>
      <c r="AY39" s="1">
        <v>0</v>
      </c>
      <c r="AZ39" s="1">
        <v>0</v>
      </c>
      <c r="BA39" s="1">
        <v>0</v>
      </c>
      <c r="BB39" s="1">
        <v>0</v>
      </c>
      <c r="BC39" s="1">
        <v>0</v>
      </c>
      <c r="BD39" s="1">
        <v>0</v>
      </c>
      <c r="BE39" s="1">
        <v>0</v>
      </c>
      <c r="BF39" s="1">
        <v>0</v>
      </c>
      <c r="BG39" s="1">
        <v>0</v>
      </c>
      <c r="BH39" s="1">
        <v>0</v>
      </c>
      <c r="BI39" s="1">
        <v>0</v>
      </c>
      <c r="BJ39" s="1">
        <v>0</v>
      </c>
      <c r="BK39" s="1">
        <v>0</v>
      </c>
      <c r="BL39" s="1">
        <v>0</v>
      </c>
      <c r="BM39" s="1">
        <v>0</v>
      </c>
      <c r="BN39" s="1">
        <v>0</v>
      </c>
      <c r="BO39" s="1">
        <v>0</v>
      </c>
      <c r="BP39" s="1">
        <v>0</v>
      </c>
      <c r="BQ39" s="1">
        <v>0</v>
      </c>
      <c r="BR39" s="1">
        <v>0</v>
      </c>
      <c r="BS39" s="1">
        <v>0</v>
      </c>
      <c r="BT39" s="1">
        <v>0</v>
      </c>
      <c r="BU39" s="1">
        <v>0</v>
      </c>
      <c r="BV39" s="1">
        <v>0</v>
      </c>
      <c r="BW39" s="1">
        <v>0</v>
      </c>
      <c r="BX39" s="1">
        <v>0</v>
      </c>
      <c r="BY39" s="1">
        <v>0</v>
      </c>
      <c r="BZ39" s="1">
        <v>0</v>
      </c>
      <c r="CA39" s="1">
        <v>0</v>
      </c>
      <c r="CB39" s="1">
        <v>0</v>
      </c>
      <c r="CC39" s="1">
        <v>0</v>
      </c>
      <c r="CD39" s="1">
        <v>0</v>
      </c>
      <c r="CE39" s="1">
        <v>0</v>
      </c>
      <c r="CF39" s="1">
        <v>0</v>
      </c>
      <c r="CG39" s="1">
        <v>0</v>
      </c>
      <c r="CH39" s="1">
        <v>0</v>
      </c>
      <c r="CI39" s="1">
        <v>0</v>
      </c>
      <c r="CJ39" s="1">
        <v>0</v>
      </c>
      <c r="CK39" s="1">
        <v>0</v>
      </c>
      <c r="CL39" s="1">
        <v>0</v>
      </c>
      <c r="CM39" s="1">
        <v>0</v>
      </c>
      <c r="CN39" s="1">
        <v>0</v>
      </c>
      <c r="CO39" s="1">
        <v>0</v>
      </c>
      <c r="CP39" s="1">
        <v>0</v>
      </c>
      <c r="CQ39" s="1">
        <v>0</v>
      </c>
      <c r="CR39" s="1">
        <v>0</v>
      </c>
      <c r="CS39" s="1">
        <v>0</v>
      </c>
      <c r="CT39" s="1">
        <v>0</v>
      </c>
      <c r="CU39" s="1">
        <v>0</v>
      </c>
      <c r="CV39" s="1">
        <v>0</v>
      </c>
      <c r="CW39" s="1">
        <v>0</v>
      </c>
      <c r="CX39" s="1">
        <v>0</v>
      </c>
      <c r="CY39" s="1">
        <v>0</v>
      </c>
      <c r="CZ39" s="1">
        <v>0</v>
      </c>
      <c r="DA39" s="1">
        <v>0</v>
      </c>
      <c r="DB39" s="1">
        <v>0</v>
      </c>
      <c r="DC39" s="1">
        <v>0</v>
      </c>
      <c r="DD39" s="1">
        <v>0</v>
      </c>
      <c r="DE39" s="1">
        <v>0</v>
      </c>
    </row>
    <row r="40" spans="1:109" ht="10" customHeight="1">
      <c r="A40" s="26"/>
      <c r="B40" s="29"/>
      <c r="C40" s="56" t="s">
        <v>77</v>
      </c>
      <c r="D40" s="46">
        <v>76585</v>
      </c>
      <c r="E40" s="1">
        <v>91592</v>
      </c>
      <c r="F40" s="1">
        <v>21299</v>
      </c>
      <c r="G40" s="1">
        <v>37904</v>
      </c>
      <c r="H40" s="1">
        <v>15100</v>
      </c>
      <c r="I40" s="1">
        <v>7301</v>
      </c>
      <c r="J40" s="1">
        <v>67485</v>
      </c>
      <c r="K40" s="1">
        <v>77316</v>
      </c>
      <c r="L40" s="1">
        <v>3421</v>
      </c>
      <c r="M40" s="1">
        <v>8986</v>
      </c>
      <c r="N40" s="1">
        <v>22418</v>
      </c>
      <c r="O40" s="1">
        <v>3671</v>
      </c>
      <c r="P40" s="1">
        <v>14120</v>
      </c>
      <c r="Q40" s="1">
        <v>10409</v>
      </c>
      <c r="R40" s="1">
        <v>9460</v>
      </c>
      <c r="S40" s="1">
        <v>26070</v>
      </c>
      <c r="T40" s="1">
        <v>5502</v>
      </c>
      <c r="U40" s="1">
        <v>62694</v>
      </c>
      <c r="V40" s="1">
        <v>80639</v>
      </c>
      <c r="W40" s="1">
        <v>5176</v>
      </c>
      <c r="X40" s="1">
        <v>17551</v>
      </c>
      <c r="Y40" s="1">
        <v>11698</v>
      </c>
      <c r="Z40" s="1">
        <v>19558</v>
      </c>
      <c r="AA40" s="1">
        <v>49124</v>
      </c>
      <c r="AB40" s="1">
        <v>32570</v>
      </c>
      <c r="AC40" s="1">
        <v>13073</v>
      </c>
      <c r="AD40" s="1">
        <v>2228</v>
      </c>
      <c r="AE40" s="1">
        <v>36863</v>
      </c>
      <c r="AF40" s="1">
        <v>8628</v>
      </c>
      <c r="AG40" s="1">
        <v>3001</v>
      </c>
      <c r="AH40" s="1">
        <v>5906</v>
      </c>
      <c r="AI40" s="1">
        <v>1333</v>
      </c>
      <c r="AJ40" s="1">
        <v>1</v>
      </c>
      <c r="AK40" s="1">
        <v>3243</v>
      </c>
      <c r="AL40" s="1">
        <v>860</v>
      </c>
      <c r="AM40" s="1">
        <v>10941</v>
      </c>
      <c r="AN40" s="1">
        <v>5371</v>
      </c>
      <c r="AO40" s="1">
        <v>1696</v>
      </c>
      <c r="AP40" s="1">
        <v>612</v>
      </c>
      <c r="AQ40" s="1">
        <v>1368</v>
      </c>
      <c r="AR40" s="1">
        <v>0</v>
      </c>
      <c r="AS40" s="1">
        <v>678</v>
      </c>
      <c r="AT40" s="1">
        <v>548</v>
      </c>
      <c r="AU40" s="1">
        <v>1066</v>
      </c>
      <c r="AV40" s="1">
        <v>1009</v>
      </c>
      <c r="AW40" s="1">
        <v>135</v>
      </c>
      <c r="AX40" s="1">
        <v>677</v>
      </c>
      <c r="AY40" s="1">
        <v>3560</v>
      </c>
      <c r="AZ40" s="1">
        <v>204</v>
      </c>
      <c r="BA40" s="1">
        <v>1154</v>
      </c>
      <c r="BB40" s="1">
        <v>503</v>
      </c>
      <c r="BC40" s="1">
        <v>904</v>
      </c>
      <c r="BD40" s="1">
        <v>16724</v>
      </c>
      <c r="BE40" s="1">
        <v>12294</v>
      </c>
      <c r="BF40" s="1">
        <v>912229</v>
      </c>
      <c r="BG40" s="1">
        <v>0</v>
      </c>
      <c r="BH40" s="1">
        <v>0</v>
      </c>
      <c r="BI40" s="1">
        <v>0</v>
      </c>
      <c r="BJ40" s="1">
        <v>0</v>
      </c>
      <c r="BK40" s="1">
        <v>0</v>
      </c>
      <c r="BL40" s="1">
        <v>2486</v>
      </c>
      <c r="BM40" s="1">
        <v>643</v>
      </c>
      <c r="BN40" s="1">
        <v>6683</v>
      </c>
      <c r="BO40" s="1">
        <v>975</v>
      </c>
      <c r="BP40" s="1">
        <v>0</v>
      </c>
      <c r="BQ40" s="1">
        <v>0</v>
      </c>
      <c r="BR40" s="1">
        <v>6</v>
      </c>
      <c r="BS40" s="1">
        <v>10793</v>
      </c>
      <c r="BT40" s="1">
        <v>11365</v>
      </c>
      <c r="BU40" s="1">
        <v>451</v>
      </c>
      <c r="BV40" s="1">
        <v>9812</v>
      </c>
      <c r="BW40" s="1">
        <v>4852</v>
      </c>
      <c r="BX40" s="1">
        <v>30</v>
      </c>
      <c r="BY40" s="1">
        <v>0</v>
      </c>
      <c r="BZ40" s="1">
        <v>4135</v>
      </c>
      <c r="CA40" s="1">
        <v>0</v>
      </c>
      <c r="CB40" s="1">
        <v>1009</v>
      </c>
      <c r="CC40" s="1">
        <v>1146</v>
      </c>
      <c r="CD40" s="1">
        <v>493</v>
      </c>
      <c r="CE40" s="1">
        <v>1986</v>
      </c>
      <c r="CF40" s="1">
        <v>753</v>
      </c>
      <c r="CG40" s="1">
        <v>0</v>
      </c>
      <c r="CH40" s="1">
        <v>0</v>
      </c>
      <c r="CI40" s="1">
        <v>2074</v>
      </c>
      <c r="CJ40" s="1">
        <v>17750</v>
      </c>
      <c r="CK40" s="1">
        <v>1251</v>
      </c>
      <c r="CL40" s="1">
        <v>3060</v>
      </c>
      <c r="CM40" s="1">
        <v>0</v>
      </c>
      <c r="CN40" s="1">
        <v>747</v>
      </c>
      <c r="CO40" s="1">
        <v>831</v>
      </c>
      <c r="CP40" s="1">
        <v>206</v>
      </c>
      <c r="CQ40" s="1">
        <v>61951</v>
      </c>
      <c r="CR40" s="1">
        <v>0</v>
      </c>
      <c r="CS40" s="1">
        <v>0</v>
      </c>
      <c r="CT40" s="1">
        <v>1028</v>
      </c>
      <c r="CU40" s="1">
        <v>231</v>
      </c>
      <c r="CV40" s="1">
        <v>274</v>
      </c>
      <c r="CW40" s="1">
        <v>147</v>
      </c>
      <c r="CX40" s="1">
        <v>605</v>
      </c>
      <c r="CY40" s="1">
        <v>463</v>
      </c>
      <c r="CZ40" s="1">
        <v>1790</v>
      </c>
      <c r="DA40" s="1">
        <v>1322</v>
      </c>
      <c r="DB40" s="1">
        <v>0</v>
      </c>
      <c r="DC40" s="1">
        <v>14</v>
      </c>
      <c r="DD40" s="1">
        <v>5874</v>
      </c>
      <c r="DE40" s="1">
        <v>990847</v>
      </c>
    </row>
    <row r="41" spans="1:109" ht="10" customHeight="1">
      <c r="A41" s="26"/>
      <c r="B41" s="150" t="s">
        <v>78</v>
      </c>
      <c r="C41" s="152"/>
      <c r="D41" s="46">
        <v>0</v>
      </c>
      <c r="E41" s="1">
        <v>19106</v>
      </c>
      <c r="F41" s="1">
        <v>0</v>
      </c>
      <c r="G41" s="1">
        <v>4466</v>
      </c>
      <c r="H41" s="1">
        <v>98</v>
      </c>
      <c r="I41" s="1">
        <v>100</v>
      </c>
      <c r="J41" s="1">
        <v>0</v>
      </c>
      <c r="K41" s="1">
        <v>3375</v>
      </c>
      <c r="L41" s="1">
        <v>0</v>
      </c>
      <c r="M41" s="1">
        <v>448</v>
      </c>
      <c r="N41" s="1">
        <v>0</v>
      </c>
      <c r="O41" s="1">
        <v>223</v>
      </c>
      <c r="P41" s="1">
        <v>155</v>
      </c>
      <c r="Q41" s="1">
        <v>100</v>
      </c>
      <c r="R41" s="1">
        <v>0</v>
      </c>
      <c r="S41" s="1">
        <v>2</v>
      </c>
      <c r="T41" s="1">
        <v>0</v>
      </c>
      <c r="U41" s="1">
        <v>419</v>
      </c>
      <c r="V41" s="1">
        <v>0</v>
      </c>
      <c r="W41" s="1">
        <v>3</v>
      </c>
      <c r="X41" s="1">
        <v>81</v>
      </c>
      <c r="Y41" s="1">
        <v>111</v>
      </c>
      <c r="Z41" s="1">
        <v>391</v>
      </c>
      <c r="AA41" s="1">
        <v>0</v>
      </c>
      <c r="AB41" s="1">
        <v>20</v>
      </c>
      <c r="AC41" s="1">
        <v>754</v>
      </c>
      <c r="AD41" s="1">
        <v>0</v>
      </c>
      <c r="AE41" s="1">
        <v>75</v>
      </c>
      <c r="AF41" s="1">
        <v>43</v>
      </c>
      <c r="AG41" s="1">
        <v>35</v>
      </c>
      <c r="AH41" s="1">
        <v>255</v>
      </c>
      <c r="AI41" s="1">
        <v>654</v>
      </c>
      <c r="AJ41" s="1">
        <v>0</v>
      </c>
      <c r="AK41" s="1">
        <v>192</v>
      </c>
      <c r="AL41" s="1">
        <v>117</v>
      </c>
      <c r="AM41" s="1">
        <v>30416</v>
      </c>
      <c r="AN41" s="1">
        <v>0</v>
      </c>
      <c r="AO41" s="1">
        <v>0</v>
      </c>
      <c r="AP41" s="1">
        <v>36</v>
      </c>
      <c r="AQ41" s="1">
        <v>14</v>
      </c>
      <c r="AR41" s="1">
        <v>0</v>
      </c>
      <c r="AS41" s="1">
        <v>3</v>
      </c>
      <c r="AT41" s="1">
        <v>0</v>
      </c>
      <c r="AU41" s="1">
        <v>0</v>
      </c>
      <c r="AV41" s="1">
        <v>8247</v>
      </c>
      <c r="AW41" s="1">
        <v>0</v>
      </c>
      <c r="AX41" s="1">
        <v>0</v>
      </c>
      <c r="AY41" s="1">
        <v>0</v>
      </c>
      <c r="AZ41" s="1">
        <v>8</v>
      </c>
      <c r="BA41" s="1">
        <v>1</v>
      </c>
      <c r="BB41" s="1">
        <v>46059</v>
      </c>
      <c r="BC41" s="1">
        <v>0</v>
      </c>
      <c r="BD41" s="1">
        <v>0</v>
      </c>
      <c r="BE41" s="1">
        <v>0</v>
      </c>
      <c r="BF41" s="1">
        <v>116007</v>
      </c>
      <c r="BG41" s="1">
        <v>0</v>
      </c>
      <c r="BH41" s="1">
        <v>0</v>
      </c>
      <c r="BI41" s="1">
        <v>0</v>
      </c>
      <c r="BJ41" s="1">
        <v>15</v>
      </c>
      <c r="BK41" s="1">
        <v>0</v>
      </c>
      <c r="BL41" s="1">
        <v>2</v>
      </c>
      <c r="BM41" s="1">
        <v>1424</v>
      </c>
      <c r="BN41" s="1">
        <v>0</v>
      </c>
      <c r="BO41" s="1">
        <v>0</v>
      </c>
      <c r="BP41" s="1">
        <v>0</v>
      </c>
      <c r="BQ41" s="1">
        <v>0</v>
      </c>
      <c r="BR41" s="1">
        <v>0</v>
      </c>
      <c r="BS41" s="1">
        <v>1441</v>
      </c>
      <c r="BT41" s="1">
        <v>0</v>
      </c>
      <c r="BU41" s="1">
        <v>2263</v>
      </c>
      <c r="BV41" s="1">
        <v>11979</v>
      </c>
      <c r="BW41" s="1">
        <v>126</v>
      </c>
      <c r="BX41" s="1">
        <v>5040</v>
      </c>
      <c r="BY41" s="1">
        <v>0</v>
      </c>
      <c r="BZ41" s="1">
        <v>78</v>
      </c>
      <c r="CA41" s="1">
        <v>0</v>
      </c>
      <c r="CB41" s="1">
        <v>0</v>
      </c>
      <c r="CC41" s="1">
        <v>0</v>
      </c>
      <c r="CD41" s="1">
        <v>3514</v>
      </c>
      <c r="CE41" s="1">
        <v>0</v>
      </c>
      <c r="CF41" s="1">
        <v>574</v>
      </c>
      <c r="CG41" s="1">
        <v>0</v>
      </c>
      <c r="CH41" s="1">
        <v>700</v>
      </c>
      <c r="CI41" s="1">
        <v>0</v>
      </c>
      <c r="CJ41" s="1">
        <v>1359</v>
      </c>
      <c r="CK41" s="1">
        <v>0</v>
      </c>
      <c r="CL41" s="1">
        <v>0</v>
      </c>
      <c r="CM41" s="1">
        <v>0</v>
      </c>
      <c r="CN41" s="1">
        <v>0</v>
      </c>
      <c r="CO41" s="1">
        <v>0</v>
      </c>
      <c r="CP41" s="1">
        <v>0</v>
      </c>
      <c r="CQ41" s="1">
        <v>25633</v>
      </c>
      <c r="CR41" s="1">
        <v>3433</v>
      </c>
      <c r="CS41" s="1">
        <v>0</v>
      </c>
      <c r="CT41" s="1">
        <v>0</v>
      </c>
      <c r="CU41" s="1">
        <v>0</v>
      </c>
      <c r="CV41" s="1">
        <v>700</v>
      </c>
      <c r="CW41" s="1">
        <v>0</v>
      </c>
      <c r="CX41" s="1">
        <v>1316</v>
      </c>
      <c r="CY41" s="1">
        <v>0</v>
      </c>
      <c r="CZ41" s="1">
        <v>2530</v>
      </c>
      <c r="DA41" s="1">
        <v>0</v>
      </c>
      <c r="DB41" s="1">
        <v>549</v>
      </c>
      <c r="DC41" s="1">
        <v>0</v>
      </c>
      <c r="DD41" s="1">
        <v>8528</v>
      </c>
      <c r="DE41" s="1">
        <v>151609</v>
      </c>
    </row>
    <row r="42" spans="1:109" ht="10" customHeight="1">
      <c r="A42" s="26"/>
      <c r="B42" s="29"/>
      <c r="C42" s="28" t="s">
        <v>79</v>
      </c>
      <c r="D42" s="46">
        <v>0</v>
      </c>
      <c r="E42" s="1">
        <v>0</v>
      </c>
      <c r="F42" s="1">
        <v>0</v>
      </c>
      <c r="G42" s="1">
        <v>0</v>
      </c>
      <c r="H42" s="1">
        <v>0</v>
      </c>
      <c r="I42" s="1">
        <v>0</v>
      </c>
      <c r="J42" s="1">
        <v>0</v>
      </c>
      <c r="K42" s="1">
        <v>0</v>
      </c>
      <c r="L42" s="1">
        <v>0</v>
      </c>
      <c r="M42" s="1">
        <v>0</v>
      </c>
      <c r="N42" s="1">
        <v>0</v>
      </c>
      <c r="O42" s="1">
        <v>0</v>
      </c>
      <c r="P42" s="1">
        <v>0</v>
      </c>
      <c r="Q42" s="1">
        <v>0</v>
      </c>
      <c r="R42" s="1">
        <v>0</v>
      </c>
      <c r="S42" s="1">
        <v>0</v>
      </c>
      <c r="T42" s="1">
        <v>0</v>
      </c>
      <c r="U42" s="1">
        <v>0</v>
      </c>
      <c r="V42" s="1">
        <v>0</v>
      </c>
      <c r="W42" s="1">
        <v>0</v>
      </c>
      <c r="X42" s="1">
        <v>0</v>
      </c>
      <c r="Y42" s="1">
        <v>0</v>
      </c>
      <c r="Z42" s="1">
        <v>0</v>
      </c>
      <c r="AA42" s="1">
        <v>0</v>
      </c>
      <c r="AB42" s="1">
        <v>0</v>
      </c>
      <c r="AC42" s="1">
        <v>0</v>
      </c>
      <c r="AD42" s="1">
        <v>0</v>
      </c>
      <c r="AE42" s="1">
        <v>0</v>
      </c>
      <c r="AF42" s="1">
        <v>0</v>
      </c>
      <c r="AG42" s="1">
        <v>0</v>
      </c>
      <c r="AH42" s="1">
        <v>0</v>
      </c>
      <c r="AI42" s="1">
        <v>0</v>
      </c>
      <c r="AJ42" s="1">
        <v>0</v>
      </c>
      <c r="AK42" s="1">
        <v>0</v>
      </c>
      <c r="AL42" s="1">
        <v>0</v>
      </c>
      <c r="AM42" s="1">
        <v>0</v>
      </c>
      <c r="AN42" s="1">
        <v>0</v>
      </c>
      <c r="AO42" s="1">
        <v>0</v>
      </c>
      <c r="AP42" s="1">
        <v>0</v>
      </c>
      <c r="AQ42" s="1">
        <v>0</v>
      </c>
      <c r="AR42" s="1">
        <v>0</v>
      </c>
      <c r="AS42" s="1">
        <v>0</v>
      </c>
      <c r="AT42" s="1">
        <v>0</v>
      </c>
      <c r="AU42" s="1">
        <v>0</v>
      </c>
      <c r="AV42" s="1">
        <v>1610</v>
      </c>
      <c r="AW42" s="1">
        <v>0</v>
      </c>
      <c r="AX42" s="1">
        <v>0</v>
      </c>
      <c r="AY42" s="1">
        <v>0</v>
      </c>
      <c r="AZ42" s="1">
        <v>0</v>
      </c>
      <c r="BA42" s="1">
        <v>0</v>
      </c>
      <c r="BB42" s="1">
        <v>0</v>
      </c>
      <c r="BC42" s="1">
        <v>0</v>
      </c>
      <c r="BD42" s="1">
        <v>0</v>
      </c>
      <c r="BE42" s="1">
        <v>0</v>
      </c>
      <c r="BF42" s="1">
        <v>1610</v>
      </c>
      <c r="BG42" s="1">
        <v>0</v>
      </c>
      <c r="BH42" s="1">
        <v>0</v>
      </c>
      <c r="BI42" s="1">
        <v>0</v>
      </c>
      <c r="BJ42" s="1">
        <v>0</v>
      </c>
      <c r="BK42" s="1">
        <v>0</v>
      </c>
      <c r="BL42" s="1">
        <v>0</v>
      </c>
      <c r="BM42" s="1">
        <v>1374</v>
      </c>
      <c r="BN42" s="1">
        <v>0</v>
      </c>
      <c r="BO42" s="1">
        <v>0</v>
      </c>
      <c r="BP42" s="1">
        <v>0</v>
      </c>
      <c r="BQ42" s="1">
        <v>0</v>
      </c>
      <c r="BR42" s="1">
        <v>0</v>
      </c>
      <c r="BS42" s="1">
        <v>1374</v>
      </c>
      <c r="BT42" s="1">
        <v>0</v>
      </c>
      <c r="BU42" s="1">
        <v>684</v>
      </c>
      <c r="BV42" s="1">
        <v>3190</v>
      </c>
      <c r="BW42" s="1">
        <v>0</v>
      </c>
      <c r="BX42" s="1">
        <v>3975</v>
      </c>
      <c r="BY42" s="1">
        <v>0</v>
      </c>
      <c r="BZ42" s="1">
        <v>0</v>
      </c>
      <c r="CA42" s="1">
        <v>0</v>
      </c>
      <c r="CB42" s="1">
        <v>0</v>
      </c>
      <c r="CC42" s="1">
        <v>0</v>
      </c>
      <c r="CD42" s="1">
        <v>0</v>
      </c>
      <c r="CE42" s="1">
        <v>0</v>
      </c>
      <c r="CF42" s="1">
        <v>518</v>
      </c>
      <c r="CG42" s="1">
        <v>0</v>
      </c>
      <c r="CH42" s="1">
        <v>0</v>
      </c>
      <c r="CI42" s="1">
        <v>0</v>
      </c>
      <c r="CJ42" s="1">
        <v>883</v>
      </c>
      <c r="CK42" s="1">
        <v>0</v>
      </c>
      <c r="CL42" s="1">
        <v>0</v>
      </c>
      <c r="CM42" s="1">
        <v>0</v>
      </c>
      <c r="CN42" s="1">
        <v>0</v>
      </c>
      <c r="CO42" s="1">
        <v>0</v>
      </c>
      <c r="CP42" s="1">
        <v>0</v>
      </c>
      <c r="CQ42" s="1">
        <v>9250</v>
      </c>
      <c r="CR42" s="1">
        <v>1067</v>
      </c>
      <c r="CS42" s="1">
        <v>0</v>
      </c>
      <c r="CT42" s="1">
        <v>0</v>
      </c>
      <c r="CU42" s="1">
        <v>0</v>
      </c>
      <c r="CV42" s="1">
        <v>700</v>
      </c>
      <c r="CW42" s="1">
        <v>0</v>
      </c>
      <c r="CX42" s="1">
        <v>0</v>
      </c>
      <c r="CY42" s="1">
        <v>0</v>
      </c>
      <c r="CZ42" s="1">
        <v>0</v>
      </c>
      <c r="DA42" s="1">
        <v>0</v>
      </c>
      <c r="DB42" s="1">
        <v>0</v>
      </c>
      <c r="DC42" s="1">
        <v>0</v>
      </c>
      <c r="DD42" s="1">
        <v>1767</v>
      </c>
      <c r="DE42" s="1">
        <v>14001</v>
      </c>
    </row>
    <row r="43" spans="1:109" ht="10" customHeight="1">
      <c r="A43" s="32"/>
      <c r="B43" s="30"/>
      <c r="C43" s="28" t="s">
        <v>20</v>
      </c>
      <c r="D43" s="46">
        <v>0</v>
      </c>
      <c r="E43" s="1">
        <v>19106</v>
      </c>
      <c r="F43" s="1">
        <v>0</v>
      </c>
      <c r="G43" s="1">
        <v>4466</v>
      </c>
      <c r="H43" s="1">
        <v>98</v>
      </c>
      <c r="I43" s="1">
        <v>100</v>
      </c>
      <c r="J43" s="1">
        <v>0</v>
      </c>
      <c r="K43" s="1">
        <v>3375</v>
      </c>
      <c r="L43" s="1">
        <v>0</v>
      </c>
      <c r="M43" s="1">
        <v>448</v>
      </c>
      <c r="N43" s="1">
        <v>0</v>
      </c>
      <c r="O43" s="1">
        <v>223</v>
      </c>
      <c r="P43" s="1">
        <v>155</v>
      </c>
      <c r="Q43" s="1">
        <v>100</v>
      </c>
      <c r="R43" s="1">
        <v>0</v>
      </c>
      <c r="S43" s="1">
        <v>2</v>
      </c>
      <c r="T43" s="1">
        <v>0</v>
      </c>
      <c r="U43" s="1">
        <v>419</v>
      </c>
      <c r="V43" s="1">
        <v>0</v>
      </c>
      <c r="W43" s="1">
        <v>3</v>
      </c>
      <c r="X43" s="1">
        <v>81</v>
      </c>
      <c r="Y43" s="1">
        <v>111</v>
      </c>
      <c r="Z43" s="1">
        <v>391</v>
      </c>
      <c r="AA43" s="1">
        <v>0</v>
      </c>
      <c r="AB43" s="1">
        <v>20</v>
      </c>
      <c r="AC43" s="1">
        <v>754</v>
      </c>
      <c r="AD43" s="1">
        <v>0</v>
      </c>
      <c r="AE43" s="1">
        <v>75</v>
      </c>
      <c r="AF43" s="1">
        <v>43</v>
      </c>
      <c r="AG43" s="1">
        <v>35</v>
      </c>
      <c r="AH43" s="1">
        <v>255</v>
      </c>
      <c r="AI43" s="1">
        <v>654</v>
      </c>
      <c r="AJ43" s="1">
        <v>0</v>
      </c>
      <c r="AK43" s="1">
        <v>192</v>
      </c>
      <c r="AL43" s="1">
        <v>117</v>
      </c>
      <c r="AM43" s="1">
        <v>30416</v>
      </c>
      <c r="AN43" s="1">
        <v>0</v>
      </c>
      <c r="AO43" s="1">
        <v>0</v>
      </c>
      <c r="AP43" s="1">
        <v>36</v>
      </c>
      <c r="AQ43" s="1">
        <v>14</v>
      </c>
      <c r="AR43" s="1">
        <v>0</v>
      </c>
      <c r="AS43" s="1">
        <v>3</v>
      </c>
      <c r="AT43" s="1">
        <v>0</v>
      </c>
      <c r="AU43" s="1">
        <v>0</v>
      </c>
      <c r="AV43" s="1">
        <v>6637</v>
      </c>
      <c r="AW43" s="1">
        <v>0</v>
      </c>
      <c r="AX43" s="1">
        <v>0</v>
      </c>
      <c r="AY43" s="1">
        <v>0</v>
      </c>
      <c r="AZ43" s="1">
        <v>8</v>
      </c>
      <c r="BA43" s="1">
        <v>1</v>
      </c>
      <c r="BB43" s="1">
        <v>46059</v>
      </c>
      <c r="BC43" s="1">
        <v>0</v>
      </c>
      <c r="BD43" s="1">
        <v>0</v>
      </c>
      <c r="BE43" s="1">
        <v>0</v>
      </c>
      <c r="BF43" s="1">
        <v>114397</v>
      </c>
      <c r="BG43" s="1">
        <v>0</v>
      </c>
      <c r="BH43" s="1">
        <v>0</v>
      </c>
      <c r="BI43" s="1">
        <v>0</v>
      </c>
      <c r="BJ43" s="1">
        <v>15</v>
      </c>
      <c r="BK43" s="1">
        <v>0</v>
      </c>
      <c r="BL43" s="1">
        <v>2</v>
      </c>
      <c r="BM43" s="1">
        <v>50</v>
      </c>
      <c r="BN43" s="1">
        <v>0</v>
      </c>
      <c r="BO43" s="1">
        <v>0</v>
      </c>
      <c r="BP43" s="1">
        <v>0</v>
      </c>
      <c r="BQ43" s="1">
        <v>0</v>
      </c>
      <c r="BR43" s="1">
        <v>0</v>
      </c>
      <c r="BS43" s="1">
        <v>67</v>
      </c>
      <c r="BT43" s="1">
        <v>0</v>
      </c>
      <c r="BU43" s="1">
        <v>1579</v>
      </c>
      <c r="BV43" s="1">
        <v>8789</v>
      </c>
      <c r="BW43" s="1">
        <v>126</v>
      </c>
      <c r="BX43" s="1">
        <v>1065</v>
      </c>
      <c r="BY43" s="1">
        <v>0</v>
      </c>
      <c r="BZ43" s="1">
        <v>78</v>
      </c>
      <c r="CA43" s="1">
        <v>0</v>
      </c>
      <c r="CB43" s="1">
        <v>0</v>
      </c>
      <c r="CC43" s="1">
        <v>0</v>
      </c>
      <c r="CD43" s="1">
        <v>3514</v>
      </c>
      <c r="CE43" s="1">
        <v>0</v>
      </c>
      <c r="CF43" s="1">
        <v>56</v>
      </c>
      <c r="CG43" s="1">
        <v>0</v>
      </c>
      <c r="CH43" s="1">
        <v>700</v>
      </c>
      <c r="CI43" s="1">
        <v>0</v>
      </c>
      <c r="CJ43" s="1">
        <v>476</v>
      </c>
      <c r="CK43" s="1">
        <v>0</v>
      </c>
      <c r="CL43" s="1">
        <v>0</v>
      </c>
      <c r="CM43" s="1">
        <v>0</v>
      </c>
      <c r="CN43" s="1">
        <v>0</v>
      </c>
      <c r="CO43" s="1">
        <v>0</v>
      </c>
      <c r="CP43" s="1">
        <v>0</v>
      </c>
      <c r="CQ43" s="1">
        <v>16383</v>
      </c>
      <c r="CR43" s="1">
        <v>2366</v>
      </c>
      <c r="CS43" s="1">
        <v>0</v>
      </c>
      <c r="CT43" s="1">
        <v>0</v>
      </c>
      <c r="CU43" s="1">
        <v>0</v>
      </c>
      <c r="CV43" s="1">
        <v>0</v>
      </c>
      <c r="CW43" s="1">
        <v>0</v>
      </c>
      <c r="CX43" s="1">
        <v>1316</v>
      </c>
      <c r="CY43" s="1">
        <v>0</v>
      </c>
      <c r="CZ43" s="1">
        <v>2530</v>
      </c>
      <c r="DA43" s="1">
        <v>0</v>
      </c>
      <c r="DB43" s="1">
        <v>549</v>
      </c>
      <c r="DC43" s="1">
        <v>0</v>
      </c>
      <c r="DD43" s="1">
        <v>6761</v>
      </c>
      <c r="DE43" s="1">
        <v>137608</v>
      </c>
    </row>
    <row r="44" spans="1:109" ht="10" customHeight="1">
      <c r="A44" s="89" t="s">
        <v>80</v>
      </c>
      <c r="B44" s="90"/>
      <c r="C44" s="91"/>
      <c r="D44" s="46">
        <v>575439</v>
      </c>
      <c r="E44" s="1">
        <v>4470</v>
      </c>
      <c r="F44" s="1">
        <v>400386</v>
      </c>
      <c r="G44" s="1">
        <v>1417861</v>
      </c>
      <c r="H44" s="1">
        <v>52534</v>
      </c>
      <c r="I44" s="1">
        <v>85546</v>
      </c>
      <c r="J44" s="1">
        <v>65162</v>
      </c>
      <c r="K44" s="1">
        <v>158772</v>
      </c>
      <c r="L44" s="1">
        <v>114159</v>
      </c>
      <c r="M44" s="1">
        <v>52535</v>
      </c>
      <c r="N44" s="1">
        <v>64528</v>
      </c>
      <c r="O44" s="1">
        <v>854029</v>
      </c>
      <c r="P44" s="1">
        <v>337210</v>
      </c>
      <c r="Q44" s="1">
        <v>69794</v>
      </c>
      <c r="R44" s="1">
        <v>23990</v>
      </c>
      <c r="S44" s="1">
        <v>49034</v>
      </c>
      <c r="T44" s="1">
        <v>1295</v>
      </c>
      <c r="U44" s="1">
        <v>159627</v>
      </c>
      <c r="V44" s="1">
        <v>699038</v>
      </c>
      <c r="W44" s="1">
        <v>39666</v>
      </c>
      <c r="X44" s="1">
        <v>52738</v>
      </c>
      <c r="Y44" s="1">
        <v>142231</v>
      </c>
      <c r="Z44" s="1">
        <v>148323</v>
      </c>
      <c r="AA44" s="1">
        <v>117305</v>
      </c>
      <c r="AB44" s="1">
        <v>50865</v>
      </c>
      <c r="AC44" s="1">
        <v>284919</v>
      </c>
      <c r="AD44" s="1">
        <v>62095</v>
      </c>
      <c r="AE44" s="1">
        <v>255581</v>
      </c>
      <c r="AF44" s="1">
        <v>84616</v>
      </c>
      <c r="AG44" s="1">
        <v>281374</v>
      </c>
      <c r="AH44" s="1">
        <v>118946</v>
      </c>
      <c r="AI44" s="1">
        <v>230517</v>
      </c>
      <c r="AJ44" s="1">
        <v>44143</v>
      </c>
      <c r="AK44" s="1">
        <v>34524</v>
      </c>
      <c r="AL44" s="1">
        <v>251101</v>
      </c>
      <c r="AM44" s="1">
        <v>107881</v>
      </c>
      <c r="AN44" s="1">
        <v>228250</v>
      </c>
      <c r="AO44" s="1">
        <v>25466</v>
      </c>
      <c r="AP44" s="1">
        <v>84262</v>
      </c>
      <c r="AQ44" s="1">
        <v>34426</v>
      </c>
      <c r="AR44" s="1">
        <v>0</v>
      </c>
      <c r="AS44" s="1">
        <v>75815</v>
      </c>
      <c r="AT44" s="1">
        <v>37614</v>
      </c>
      <c r="AU44" s="1">
        <v>0</v>
      </c>
      <c r="AV44" s="1">
        <v>123656</v>
      </c>
      <c r="AW44" s="1">
        <v>0</v>
      </c>
      <c r="AX44" s="1">
        <v>10637</v>
      </c>
      <c r="AY44" s="1">
        <v>0</v>
      </c>
      <c r="AZ44" s="1">
        <v>10248</v>
      </c>
      <c r="BA44" s="1">
        <v>76245</v>
      </c>
      <c r="BB44" s="1">
        <v>137151</v>
      </c>
      <c r="BC44" s="1">
        <v>9186</v>
      </c>
      <c r="BD44" s="1">
        <v>51713</v>
      </c>
      <c r="BE44" s="1">
        <v>82050</v>
      </c>
      <c r="BF44" s="1">
        <v>8478953</v>
      </c>
      <c r="BG44" s="1">
        <v>0</v>
      </c>
      <c r="BH44" s="1">
        <v>0</v>
      </c>
      <c r="BI44" s="1">
        <v>0</v>
      </c>
      <c r="BJ44" s="1">
        <v>17518</v>
      </c>
      <c r="BK44" s="1">
        <v>14645</v>
      </c>
      <c r="BL44" s="1">
        <v>28914</v>
      </c>
      <c r="BM44" s="1">
        <v>13797</v>
      </c>
      <c r="BN44" s="1">
        <v>8854</v>
      </c>
      <c r="BO44" s="1">
        <v>17691</v>
      </c>
      <c r="BP44" s="1">
        <v>0</v>
      </c>
      <c r="BQ44" s="1">
        <v>12974</v>
      </c>
      <c r="BR44" s="1">
        <v>20739</v>
      </c>
      <c r="BS44" s="1">
        <v>135132</v>
      </c>
      <c r="BT44" s="1">
        <v>64889</v>
      </c>
      <c r="BU44" s="1">
        <v>12857</v>
      </c>
      <c r="BV44" s="1">
        <v>43583</v>
      </c>
      <c r="BW44" s="1">
        <v>3000</v>
      </c>
      <c r="BX44" s="1">
        <v>19308</v>
      </c>
      <c r="BY44" s="1">
        <v>0</v>
      </c>
      <c r="BZ44" s="1">
        <v>35008</v>
      </c>
      <c r="CA44" s="1">
        <v>22975</v>
      </c>
      <c r="CB44" s="1">
        <v>3700</v>
      </c>
      <c r="CC44" s="1">
        <v>9991</v>
      </c>
      <c r="CD44" s="1">
        <v>2148</v>
      </c>
      <c r="CE44" s="1">
        <v>498</v>
      </c>
      <c r="CF44" s="1">
        <v>2610</v>
      </c>
      <c r="CG44" s="1">
        <v>0</v>
      </c>
      <c r="CH44" s="1">
        <v>7208</v>
      </c>
      <c r="CI44" s="1">
        <v>23474</v>
      </c>
      <c r="CJ44" s="1">
        <v>82702</v>
      </c>
      <c r="CK44" s="1">
        <v>19883</v>
      </c>
      <c r="CL44" s="1">
        <v>35222</v>
      </c>
      <c r="CM44" s="1">
        <v>0</v>
      </c>
      <c r="CN44" s="1">
        <v>0</v>
      </c>
      <c r="CO44" s="1">
        <v>8364</v>
      </c>
      <c r="CP44" s="1">
        <v>0</v>
      </c>
      <c r="CQ44" s="1">
        <v>397420</v>
      </c>
      <c r="CR44" s="1">
        <v>3828</v>
      </c>
      <c r="CS44" s="1">
        <v>4417</v>
      </c>
      <c r="CT44" s="1">
        <v>0</v>
      </c>
      <c r="CU44" s="1">
        <v>2263</v>
      </c>
      <c r="CV44" s="1">
        <v>2718</v>
      </c>
      <c r="CW44" s="1">
        <v>8375</v>
      </c>
      <c r="CX44" s="1">
        <v>1377</v>
      </c>
      <c r="CY44" s="1">
        <v>548</v>
      </c>
      <c r="CZ44" s="1">
        <v>9484</v>
      </c>
      <c r="DA44" s="1">
        <v>515</v>
      </c>
      <c r="DB44" s="1">
        <v>523</v>
      </c>
      <c r="DC44" s="1">
        <v>2566</v>
      </c>
      <c r="DD44" s="1">
        <v>36614</v>
      </c>
      <c r="DE44" s="1">
        <v>9048119</v>
      </c>
    </row>
    <row r="45" spans="1:109" ht="10" customHeight="1">
      <c r="A45" s="89" t="s">
        <v>298</v>
      </c>
      <c r="B45" s="90"/>
      <c r="C45" s="91"/>
      <c r="D45" s="47">
        <v>0</v>
      </c>
      <c r="E45" s="2">
        <v>0</v>
      </c>
      <c r="F45" s="2">
        <v>0</v>
      </c>
      <c r="G45" s="2">
        <v>0</v>
      </c>
      <c r="H45" s="2">
        <v>0</v>
      </c>
      <c r="I45" s="2">
        <v>0</v>
      </c>
      <c r="J45" s="2">
        <v>0</v>
      </c>
      <c r="K45" s="2">
        <v>0</v>
      </c>
      <c r="L45" s="2">
        <v>0</v>
      </c>
      <c r="M45" s="2">
        <v>0</v>
      </c>
      <c r="N45" s="2">
        <v>0</v>
      </c>
      <c r="O45" s="2">
        <v>0</v>
      </c>
      <c r="P45" s="2">
        <v>0</v>
      </c>
      <c r="Q45" s="2">
        <v>0</v>
      </c>
      <c r="R45" s="2">
        <v>0</v>
      </c>
      <c r="S45" s="2">
        <v>0</v>
      </c>
      <c r="T45" s="2">
        <v>0</v>
      </c>
      <c r="U45" s="2">
        <v>0</v>
      </c>
      <c r="V45" s="2">
        <v>0</v>
      </c>
      <c r="W45" s="2">
        <v>0</v>
      </c>
      <c r="X45" s="2">
        <v>0</v>
      </c>
      <c r="Y45" s="2">
        <v>0</v>
      </c>
      <c r="Z45" s="2">
        <v>0</v>
      </c>
      <c r="AA45" s="2">
        <v>0</v>
      </c>
      <c r="AB45" s="2">
        <v>0</v>
      </c>
      <c r="AC45" s="2">
        <v>0</v>
      </c>
      <c r="AD45" s="2">
        <v>0</v>
      </c>
      <c r="AE45" s="2">
        <v>0</v>
      </c>
      <c r="AF45" s="2">
        <v>0</v>
      </c>
      <c r="AG45" s="2">
        <v>0</v>
      </c>
      <c r="AH45" s="2">
        <v>0</v>
      </c>
      <c r="AI45" s="2">
        <v>0</v>
      </c>
      <c r="AJ45" s="2">
        <v>0</v>
      </c>
      <c r="AK45" s="2">
        <v>0</v>
      </c>
      <c r="AL45" s="2">
        <v>0</v>
      </c>
      <c r="AM45" s="2">
        <v>0</v>
      </c>
      <c r="AN45" s="2">
        <v>0</v>
      </c>
      <c r="AO45" s="2">
        <v>0</v>
      </c>
      <c r="AP45" s="2">
        <v>0</v>
      </c>
      <c r="AQ45" s="2">
        <v>0</v>
      </c>
      <c r="AR45" s="2">
        <v>8098</v>
      </c>
      <c r="AS45" s="2">
        <v>0</v>
      </c>
      <c r="AT45" s="2">
        <v>0</v>
      </c>
      <c r="AU45" s="2">
        <v>10975</v>
      </c>
      <c r="AV45" s="2">
        <v>0</v>
      </c>
      <c r="AW45" s="2">
        <v>4152</v>
      </c>
      <c r="AX45" s="2">
        <v>0</v>
      </c>
      <c r="AY45" s="2">
        <v>10</v>
      </c>
      <c r="AZ45" s="2">
        <v>0</v>
      </c>
      <c r="BA45" s="2">
        <v>0</v>
      </c>
      <c r="BB45" s="2">
        <v>0</v>
      </c>
      <c r="BC45" s="2">
        <v>0</v>
      </c>
      <c r="BD45" s="2">
        <v>0</v>
      </c>
      <c r="BE45" s="2">
        <v>0</v>
      </c>
      <c r="BF45" s="2">
        <v>23235</v>
      </c>
      <c r="BG45" s="2">
        <v>58</v>
      </c>
      <c r="BH45" s="2">
        <v>0</v>
      </c>
      <c r="BI45" s="2">
        <v>0</v>
      </c>
      <c r="BJ45" s="2">
        <v>0</v>
      </c>
      <c r="BK45" s="2">
        <v>0</v>
      </c>
      <c r="BL45" s="2">
        <v>0</v>
      </c>
      <c r="BM45" s="2">
        <v>0</v>
      </c>
      <c r="BN45" s="2">
        <v>0</v>
      </c>
      <c r="BO45" s="2">
        <v>0</v>
      </c>
      <c r="BP45" s="2">
        <v>255</v>
      </c>
      <c r="BQ45" s="2">
        <v>0</v>
      </c>
      <c r="BR45" s="2">
        <v>0</v>
      </c>
      <c r="BS45" s="2">
        <v>313</v>
      </c>
      <c r="BT45" s="2">
        <v>0</v>
      </c>
      <c r="BU45" s="2">
        <v>0</v>
      </c>
      <c r="BV45" s="2">
        <v>0</v>
      </c>
      <c r="BW45" s="2">
        <v>0</v>
      </c>
      <c r="BX45" s="2">
        <v>0</v>
      </c>
      <c r="BY45" s="2">
        <v>1186</v>
      </c>
      <c r="BZ45" s="2">
        <v>0</v>
      </c>
      <c r="CA45" s="2">
        <v>0</v>
      </c>
      <c r="CB45" s="2">
        <v>0</v>
      </c>
      <c r="CC45" s="2">
        <v>0</v>
      </c>
      <c r="CD45" s="2">
        <v>0</v>
      </c>
      <c r="CE45" s="2">
        <v>0</v>
      </c>
      <c r="CF45" s="2">
        <v>0</v>
      </c>
      <c r="CG45" s="2">
        <v>270</v>
      </c>
      <c r="CH45" s="2">
        <v>0</v>
      </c>
      <c r="CI45" s="2">
        <v>0</v>
      </c>
      <c r="CJ45" s="2">
        <v>0</v>
      </c>
      <c r="CK45" s="2">
        <v>0</v>
      </c>
      <c r="CL45" s="2">
        <v>0</v>
      </c>
      <c r="CM45" s="2">
        <v>1945</v>
      </c>
      <c r="CN45" s="2">
        <v>101</v>
      </c>
      <c r="CO45" s="2">
        <v>0</v>
      </c>
      <c r="CP45" s="2">
        <v>1287</v>
      </c>
      <c r="CQ45" s="2">
        <v>4789</v>
      </c>
      <c r="CR45" s="2">
        <v>0</v>
      </c>
      <c r="CS45" s="2">
        <v>0</v>
      </c>
      <c r="CT45" s="2">
        <v>10455</v>
      </c>
      <c r="CU45" s="2">
        <v>0</v>
      </c>
      <c r="CV45" s="2">
        <v>0</v>
      </c>
      <c r="CW45" s="2">
        <v>0</v>
      </c>
      <c r="CX45" s="2">
        <v>0</v>
      </c>
      <c r="CY45" s="2">
        <v>0</v>
      </c>
      <c r="CZ45" s="2">
        <v>0</v>
      </c>
      <c r="DA45" s="2">
        <v>0</v>
      </c>
      <c r="DB45" s="2">
        <v>0</v>
      </c>
      <c r="DC45" s="2">
        <v>0</v>
      </c>
      <c r="DD45" s="2">
        <v>10455</v>
      </c>
      <c r="DE45" s="2">
        <v>38792</v>
      </c>
    </row>
    <row r="46" spans="1:109" ht="10" customHeight="1">
      <c r="A46" s="89" t="s">
        <v>81</v>
      </c>
      <c r="B46" s="90"/>
      <c r="C46" s="91"/>
      <c r="D46" s="46">
        <v>575674</v>
      </c>
      <c r="E46" s="1">
        <v>8529</v>
      </c>
      <c r="F46" s="1">
        <v>406288</v>
      </c>
      <c r="G46" s="1">
        <v>1413433</v>
      </c>
      <c r="H46" s="1">
        <v>52436</v>
      </c>
      <c r="I46" s="1">
        <v>85447</v>
      </c>
      <c r="J46" s="1">
        <v>88384</v>
      </c>
      <c r="K46" s="1">
        <v>163075</v>
      </c>
      <c r="L46" s="1">
        <v>114159</v>
      </c>
      <c r="M46" s="1">
        <v>52087</v>
      </c>
      <c r="N46" s="1">
        <v>64528</v>
      </c>
      <c r="O46" s="1">
        <v>853810</v>
      </c>
      <c r="P46" s="1">
        <v>337297</v>
      </c>
      <c r="Q46" s="1">
        <v>69694</v>
      </c>
      <c r="R46" s="1">
        <v>23990</v>
      </c>
      <c r="S46" s="1">
        <v>54396</v>
      </c>
      <c r="T46" s="1">
        <v>1295</v>
      </c>
      <c r="U46" s="1">
        <v>159208</v>
      </c>
      <c r="V46" s="1">
        <v>699912</v>
      </c>
      <c r="W46" s="1">
        <v>39819</v>
      </c>
      <c r="X46" s="1">
        <v>52747</v>
      </c>
      <c r="Y46" s="1">
        <v>142120</v>
      </c>
      <c r="Z46" s="1">
        <v>198582</v>
      </c>
      <c r="AA46" s="1">
        <v>117305</v>
      </c>
      <c r="AB46" s="1">
        <v>51008</v>
      </c>
      <c r="AC46" s="1">
        <v>284289</v>
      </c>
      <c r="AD46" s="1">
        <v>62095</v>
      </c>
      <c r="AE46" s="1">
        <v>255506</v>
      </c>
      <c r="AF46" s="1">
        <v>85710</v>
      </c>
      <c r="AG46" s="1">
        <v>281340</v>
      </c>
      <c r="AH46" s="1">
        <v>120479</v>
      </c>
      <c r="AI46" s="1">
        <v>230158</v>
      </c>
      <c r="AJ46" s="1">
        <v>44143</v>
      </c>
      <c r="AK46" s="1">
        <v>34332</v>
      </c>
      <c r="AL46" s="1">
        <v>250984</v>
      </c>
      <c r="AM46" s="1">
        <v>77883</v>
      </c>
      <c r="AN46" s="1">
        <v>232670</v>
      </c>
      <c r="AO46" s="1">
        <v>25466</v>
      </c>
      <c r="AP46" s="1">
        <v>84226</v>
      </c>
      <c r="AQ46" s="1">
        <v>34412</v>
      </c>
      <c r="AR46" s="1">
        <v>0</v>
      </c>
      <c r="AS46" s="1">
        <v>75812</v>
      </c>
      <c r="AT46" s="1">
        <v>37614</v>
      </c>
      <c r="AU46" s="1">
        <v>0</v>
      </c>
      <c r="AV46" s="1">
        <v>115409</v>
      </c>
      <c r="AW46" s="1">
        <v>0</v>
      </c>
      <c r="AX46" s="1">
        <v>10637</v>
      </c>
      <c r="AY46" s="1">
        <v>0</v>
      </c>
      <c r="AZ46" s="1">
        <v>10240</v>
      </c>
      <c r="BA46" s="1">
        <v>76298</v>
      </c>
      <c r="BB46" s="1">
        <v>91092</v>
      </c>
      <c r="BC46" s="1">
        <v>9186</v>
      </c>
      <c r="BD46" s="1">
        <v>51949</v>
      </c>
      <c r="BE46" s="1">
        <v>82050</v>
      </c>
      <c r="BF46" s="1">
        <v>8489203</v>
      </c>
      <c r="BG46" s="1">
        <v>0</v>
      </c>
      <c r="BH46" s="1">
        <v>0</v>
      </c>
      <c r="BI46" s="1">
        <v>0</v>
      </c>
      <c r="BJ46" s="1">
        <v>17503</v>
      </c>
      <c r="BK46" s="1">
        <v>14645</v>
      </c>
      <c r="BL46" s="1">
        <v>28912</v>
      </c>
      <c r="BM46" s="1">
        <v>12373</v>
      </c>
      <c r="BN46" s="1">
        <v>8854</v>
      </c>
      <c r="BO46" s="1">
        <v>17691</v>
      </c>
      <c r="BP46" s="1">
        <v>0</v>
      </c>
      <c r="BQ46" s="1">
        <v>12974</v>
      </c>
      <c r="BR46" s="1">
        <v>20739</v>
      </c>
      <c r="BS46" s="1">
        <v>133691</v>
      </c>
      <c r="BT46" s="1">
        <v>64889</v>
      </c>
      <c r="BU46" s="1">
        <v>10594</v>
      </c>
      <c r="BV46" s="1">
        <v>31604</v>
      </c>
      <c r="BW46" s="1">
        <v>2874</v>
      </c>
      <c r="BX46" s="1">
        <v>14268</v>
      </c>
      <c r="BY46" s="1">
        <v>7170</v>
      </c>
      <c r="BZ46" s="1">
        <v>34930</v>
      </c>
      <c r="CA46" s="1">
        <v>22975</v>
      </c>
      <c r="CB46" s="1">
        <v>3700</v>
      </c>
      <c r="CC46" s="1">
        <v>9991</v>
      </c>
      <c r="CD46" s="1">
        <v>2266</v>
      </c>
      <c r="CE46" s="1">
        <v>498</v>
      </c>
      <c r="CF46" s="1">
        <v>2036</v>
      </c>
      <c r="CG46" s="1">
        <v>0</v>
      </c>
      <c r="CH46" s="1">
        <v>6508</v>
      </c>
      <c r="CI46" s="1">
        <v>23474</v>
      </c>
      <c r="CJ46" s="1">
        <v>81343</v>
      </c>
      <c r="CK46" s="1">
        <v>19883</v>
      </c>
      <c r="CL46" s="1">
        <v>35222</v>
      </c>
      <c r="CM46" s="1">
        <v>0</v>
      </c>
      <c r="CN46" s="1">
        <v>0</v>
      </c>
      <c r="CO46" s="1">
        <v>8364</v>
      </c>
      <c r="CP46" s="1">
        <v>128</v>
      </c>
      <c r="CQ46" s="1">
        <v>382717</v>
      </c>
      <c r="CR46" s="1">
        <v>599</v>
      </c>
      <c r="CS46" s="1">
        <v>4417</v>
      </c>
      <c r="CT46" s="1">
        <v>0</v>
      </c>
      <c r="CU46" s="1">
        <v>2263</v>
      </c>
      <c r="CV46" s="1">
        <v>2018</v>
      </c>
      <c r="CW46" s="1">
        <v>8375</v>
      </c>
      <c r="CX46" s="1">
        <v>884</v>
      </c>
      <c r="CY46" s="1">
        <v>548</v>
      </c>
      <c r="CZ46" s="1">
        <v>6954</v>
      </c>
      <c r="DA46" s="1">
        <v>515</v>
      </c>
      <c r="DB46" s="1">
        <v>0</v>
      </c>
      <c r="DC46" s="1">
        <v>4518</v>
      </c>
      <c r="DD46" s="1">
        <v>31091</v>
      </c>
      <c r="DE46" s="1">
        <v>9036702</v>
      </c>
    </row>
    <row r="47" spans="1:109" ht="10" customHeight="1">
      <c r="A47" s="89" t="s">
        <v>299</v>
      </c>
      <c r="B47" s="90"/>
      <c r="C47" s="91"/>
      <c r="D47" s="47">
        <v>0</v>
      </c>
      <c r="E47" s="2">
        <v>0</v>
      </c>
      <c r="F47" s="2">
        <v>0</v>
      </c>
      <c r="G47" s="2">
        <v>0</v>
      </c>
      <c r="H47" s="2">
        <v>0</v>
      </c>
      <c r="I47" s="2">
        <v>0</v>
      </c>
      <c r="J47" s="2">
        <v>0</v>
      </c>
      <c r="K47" s="2">
        <v>0</v>
      </c>
      <c r="L47" s="2">
        <v>0</v>
      </c>
      <c r="M47" s="2">
        <v>0</v>
      </c>
      <c r="N47" s="2">
        <v>0</v>
      </c>
      <c r="O47" s="2">
        <v>0</v>
      </c>
      <c r="P47" s="2">
        <v>0</v>
      </c>
      <c r="Q47" s="2">
        <v>0</v>
      </c>
      <c r="R47" s="2">
        <v>0</v>
      </c>
      <c r="S47" s="2">
        <v>0</v>
      </c>
      <c r="T47" s="2">
        <v>0</v>
      </c>
      <c r="U47" s="2">
        <v>0</v>
      </c>
      <c r="V47" s="2">
        <v>0</v>
      </c>
      <c r="W47" s="2">
        <v>0</v>
      </c>
      <c r="X47" s="2">
        <v>0</v>
      </c>
      <c r="Y47" s="2">
        <v>0</v>
      </c>
      <c r="Z47" s="2">
        <v>0</v>
      </c>
      <c r="AA47" s="2">
        <v>0</v>
      </c>
      <c r="AB47" s="2">
        <v>0</v>
      </c>
      <c r="AC47" s="2">
        <v>0</v>
      </c>
      <c r="AD47" s="2">
        <v>0</v>
      </c>
      <c r="AE47" s="2">
        <v>0</v>
      </c>
      <c r="AF47" s="2">
        <v>0</v>
      </c>
      <c r="AG47" s="2">
        <v>0</v>
      </c>
      <c r="AH47" s="2">
        <v>0</v>
      </c>
      <c r="AI47" s="2">
        <v>0</v>
      </c>
      <c r="AJ47" s="2">
        <v>0</v>
      </c>
      <c r="AK47" s="2">
        <v>0</v>
      </c>
      <c r="AL47" s="2">
        <v>0</v>
      </c>
      <c r="AM47" s="2">
        <v>0</v>
      </c>
      <c r="AN47" s="2">
        <v>0</v>
      </c>
      <c r="AO47" s="2">
        <v>0</v>
      </c>
      <c r="AP47" s="2">
        <v>0</v>
      </c>
      <c r="AQ47" s="2">
        <v>0</v>
      </c>
      <c r="AR47" s="2">
        <v>8098</v>
      </c>
      <c r="AS47" s="2">
        <v>0</v>
      </c>
      <c r="AT47" s="2">
        <v>0</v>
      </c>
      <c r="AU47" s="2">
        <v>10975</v>
      </c>
      <c r="AV47" s="2">
        <v>0</v>
      </c>
      <c r="AW47" s="2">
        <v>4152</v>
      </c>
      <c r="AX47" s="2">
        <v>0</v>
      </c>
      <c r="AY47" s="2">
        <v>10</v>
      </c>
      <c r="AZ47" s="2">
        <v>0</v>
      </c>
      <c r="BA47" s="2">
        <v>0</v>
      </c>
      <c r="BB47" s="2">
        <v>0</v>
      </c>
      <c r="BC47" s="2">
        <v>0</v>
      </c>
      <c r="BD47" s="2">
        <v>0</v>
      </c>
      <c r="BE47" s="2">
        <v>0</v>
      </c>
      <c r="BF47" s="2">
        <v>23235</v>
      </c>
      <c r="BG47" s="2">
        <v>58</v>
      </c>
      <c r="BH47" s="2">
        <v>0</v>
      </c>
      <c r="BI47" s="2">
        <v>0</v>
      </c>
      <c r="BJ47" s="2">
        <v>0</v>
      </c>
      <c r="BK47" s="2">
        <v>0</v>
      </c>
      <c r="BL47" s="2">
        <v>0</v>
      </c>
      <c r="BM47" s="2">
        <v>0</v>
      </c>
      <c r="BN47" s="2">
        <v>0</v>
      </c>
      <c r="BO47" s="2">
        <v>0</v>
      </c>
      <c r="BP47" s="2">
        <v>255</v>
      </c>
      <c r="BQ47" s="2">
        <v>0</v>
      </c>
      <c r="BR47" s="2">
        <v>0</v>
      </c>
      <c r="BS47" s="2">
        <v>313</v>
      </c>
      <c r="BT47" s="2">
        <v>0</v>
      </c>
      <c r="BU47" s="2">
        <v>0</v>
      </c>
      <c r="BV47" s="2">
        <v>0</v>
      </c>
      <c r="BW47" s="2">
        <v>0</v>
      </c>
      <c r="BX47" s="2">
        <v>0</v>
      </c>
      <c r="BY47" s="2">
        <v>0</v>
      </c>
      <c r="BZ47" s="2">
        <v>0</v>
      </c>
      <c r="CA47" s="2">
        <v>0</v>
      </c>
      <c r="CB47" s="2">
        <v>0</v>
      </c>
      <c r="CC47" s="2">
        <v>0</v>
      </c>
      <c r="CD47" s="2">
        <v>0</v>
      </c>
      <c r="CE47" s="2">
        <v>0</v>
      </c>
      <c r="CF47" s="2">
        <v>0</v>
      </c>
      <c r="CG47" s="2">
        <v>270</v>
      </c>
      <c r="CH47" s="2">
        <v>0</v>
      </c>
      <c r="CI47" s="2">
        <v>0</v>
      </c>
      <c r="CJ47" s="2">
        <v>0</v>
      </c>
      <c r="CK47" s="2">
        <v>0</v>
      </c>
      <c r="CL47" s="2">
        <v>0</v>
      </c>
      <c r="CM47" s="2">
        <v>1945</v>
      </c>
      <c r="CN47" s="2">
        <v>101</v>
      </c>
      <c r="CO47" s="2">
        <v>0</v>
      </c>
      <c r="CP47" s="2">
        <v>0</v>
      </c>
      <c r="CQ47" s="2">
        <v>2316</v>
      </c>
      <c r="CR47" s="2">
        <v>0</v>
      </c>
      <c r="CS47" s="2">
        <v>0</v>
      </c>
      <c r="CT47" s="2">
        <v>8923</v>
      </c>
      <c r="CU47" s="2">
        <v>0</v>
      </c>
      <c r="CV47" s="2">
        <v>0</v>
      </c>
      <c r="CW47" s="2">
        <v>0</v>
      </c>
      <c r="CX47" s="2">
        <v>0</v>
      </c>
      <c r="CY47" s="2">
        <v>0</v>
      </c>
      <c r="CZ47" s="2">
        <v>0</v>
      </c>
      <c r="DA47" s="2">
        <v>0</v>
      </c>
      <c r="DB47" s="2">
        <v>26</v>
      </c>
      <c r="DC47" s="2">
        <v>0</v>
      </c>
      <c r="DD47" s="2">
        <v>8949</v>
      </c>
      <c r="DE47" s="2">
        <v>34813</v>
      </c>
    </row>
    <row r="48" spans="1:109" ht="10" customHeight="1">
      <c r="A48" s="159" t="s">
        <v>82</v>
      </c>
      <c r="B48" s="160"/>
      <c r="C48" s="161"/>
      <c r="D48" s="46">
        <v>1893714</v>
      </c>
      <c r="E48" s="1">
        <v>714353</v>
      </c>
      <c r="F48" s="1">
        <v>414369</v>
      </c>
      <c r="G48" s="1">
        <v>1511</v>
      </c>
      <c r="H48" s="1">
        <v>101860</v>
      </c>
      <c r="I48" s="1">
        <v>156142</v>
      </c>
      <c r="J48" s="1">
        <v>202235</v>
      </c>
      <c r="K48" s="1">
        <v>0</v>
      </c>
      <c r="L48" s="1">
        <v>0</v>
      </c>
      <c r="M48" s="1">
        <v>139259</v>
      </c>
      <c r="N48" s="1">
        <v>0</v>
      </c>
      <c r="O48" s="1">
        <v>0</v>
      </c>
      <c r="P48" s="1">
        <v>0</v>
      </c>
      <c r="Q48" s="1">
        <v>0</v>
      </c>
      <c r="R48" s="1">
        <v>0</v>
      </c>
      <c r="S48" s="1">
        <v>42580</v>
      </c>
      <c r="T48" s="1">
        <v>178929</v>
      </c>
      <c r="U48" s="1">
        <v>562098</v>
      </c>
      <c r="V48" s="1">
        <v>0</v>
      </c>
      <c r="W48" s="1">
        <v>112055</v>
      </c>
      <c r="X48" s="1">
        <v>0</v>
      </c>
      <c r="Y48" s="1">
        <v>0</v>
      </c>
      <c r="Z48" s="1">
        <v>0</v>
      </c>
      <c r="AA48" s="1">
        <v>364988</v>
      </c>
      <c r="AB48" s="1">
        <v>27714</v>
      </c>
      <c r="AC48" s="1">
        <v>0</v>
      </c>
      <c r="AD48" s="1">
        <v>25486</v>
      </c>
      <c r="AE48" s="1">
        <v>0</v>
      </c>
      <c r="AF48" s="1">
        <v>12000</v>
      </c>
      <c r="AG48" s="1">
        <v>0</v>
      </c>
      <c r="AH48" s="1">
        <v>199145</v>
      </c>
      <c r="AI48" s="1">
        <v>274861</v>
      </c>
      <c r="AJ48" s="1">
        <v>0</v>
      </c>
      <c r="AK48" s="1">
        <v>46781</v>
      </c>
      <c r="AL48" s="1">
        <v>0</v>
      </c>
      <c r="AM48" s="1">
        <v>483133</v>
      </c>
      <c r="AN48" s="1">
        <v>1213898</v>
      </c>
      <c r="AO48" s="1">
        <v>0</v>
      </c>
      <c r="AP48" s="1">
        <v>0</v>
      </c>
      <c r="AQ48" s="1">
        <v>62009</v>
      </c>
      <c r="AR48" s="1">
        <v>27471</v>
      </c>
      <c r="AS48" s="1">
        <v>30911</v>
      </c>
      <c r="AT48" s="1">
        <v>49149</v>
      </c>
      <c r="AU48" s="1">
        <v>73427</v>
      </c>
      <c r="AV48" s="1">
        <v>397704</v>
      </c>
      <c r="AW48" s="1">
        <v>0</v>
      </c>
      <c r="AX48" s="1">
        <v>0</v>
      </c>
      <c r="AY48" s="1">
        <v>8175</v>
      </c>
      <c r="AZ48" s="1">
        <v>17449</v>
      </c>
      <c r="BA48" s="1">
        <v>0</v>
      </c>
      <c r="BB48" s="1">
        <v>110524</v>
      </c>
      <c r="BC48" s="1">
        <v>0</v>
      </c>
      <c r="BD48" s="1">
        <v>0</v>
      </c>
      <c r="BE48" s="1">
        <v>0</v>
      </c>
      <c r="BF48" s="1">
        <v>7943930</v>
      </c>
      <c r="BG48" s="1">
        <v>0</v>
      </c>
      <c r="BH48" s="1">
        <v>0</v>
      </c>
      <c r="BI48" s="1">
        <v>0</v>
      </c>
      <c r="BJ48" s="1">
        <v>75190</v>
      </c>
      <c r="BK48" s="1">
        <v>0</v>
      </c>
      <c r="BL48" s="1">
        <v>36883</v>
      </c>
      <c r="BM48" s="1">
        <v>-3406</v>
      </c>
      <c r="BN48" s="1">
        <v>10245</v>
      </c>
      <c r="BO48" s="1">
        <v>0</v>
      </c>
      <c r="BP48" s="1">
        <v>1220</v>
      </c>
      <c r="BQ48" s="1">
        <v>9663</v>
      </c>
      <c r="BR48" s="1">
        <v>67087</v>
      </c>
      <c r="BS48" s="1">
        <v>196882</v>
      </c>
      <c r="BT48" s="1">
        <v>8400</v>
      </c>
      <c r="BU48" s="1">
        <v>0</v>
      </c>
      <c r="BV48" s="1">
        <v>0</v>
      </c>
      <c r="BW48" s="1">
        <v>12048</v>
      </c>
      <c r="BX48" s="1">
        <v>0</v>
      </c>
      <c r="BY48" s="1">
        <v>75820</v>
      </c>
      <c r="BZ48" s="1">
        <v>0</v>
      </c>
      <c r="CA48" s="1">
        <v>0</v>
      </c>
      <c r="CB48" s="1">
        <v>0</v>
      </c>
      <c r="CC48" s="1">
        <v>0</v>
      </c>
      <c r="CD48" s="1">
        <v>-24309</v>
      </c>
      <c r="CE48" s="1">
        <v>0</v>
      </c>
      <c r="CF48" s="1">
        <v>0</v>
      </c>
      <c r="CG48" s="1">
        <v>0</v>
      </c>
      <c r="CH48" s="1">
        <v>19351</v>
      </c>
      <c r="CI48" s="1">
        <v>0</v>
      </c>
      <c r="CJ48" s="1">
        <v>-386455</v>
      </c>
      <c r="CK48" s="1">
        <v>0</v>
      </c>
      <c r="CL48" s="1">
        <v>0</v>
      </c>
      <c r="CM48" s="1">
        <v>0</v>
      </c>
      <c r="CN48" s="1">
        <v>-17449</v>
      </c>
      <c r="CO48" s="1">
        <v>0</v>
      </c>
      <c r="CP48" s="1">
        <v>0</v>
      </c>
      <c r="CQ48" s="1">
        <v>-312594</v>
      </c>
      <c r="CR48" s="1">
        <v>0</v>
      </c>
      <c r="CS48" s="1">
        <v>4060</v>
      </c>
      <c r="CT48" s="1">
        <v>-30910</v>
      </c>
      <c r="CU48" s="1">
        <v>3408</v>
      </c>
      <c r="CV48" s="1">
        <v>-7843</v>
      </c>
      <c r="CW48" s="1">
        <v>0</v>
      </c>
      <c r="CX48" s="1">
        <v>0</v>
      </c>
      <c r="CY48" s="1">
        <v>-2821</v>
      </c>
      <c r="CZ48" s="1">
        <v>-51935</v>
      </c>
      <c r="DA48" s="1">
        <v>-930</v>
      </c>
      <c r="DB48" s="1">
        <v>-5010</v>
      </c>
      <c r="DC48" s="1">
        <v>8989</v>
      </c>
      <c r="DD48" s="1">
        <v>-82992</v>
      </c>
      <c r="DE48" s="1">
        <v>7745226</v>
      </c>
    </row>
    <row r="49" spans="1:109" ht="10" customHeight="1">
      <c r="A49" s="159" t="s">
        <v>160</v>
      </c>
      <c r="B49" s="160"/>
      <c r="C49" s="161"/>
      <c r="D49" s="46">
        <v>0</v>
      </c>
      <c r="E49" s="1">
        <v>0</v>
      </c>
      <c r="F49" s="1">
        <v>150000</v>
      </c>
      <c r="G49" s="1">
        <v>1560000</v>
      </c>
      <c r="H49" s="1">
        <v>0</v>
      </c>
      <c r="I49" s="1">
        <v>84707</v>
      </c>
      <c r="J49" s="1">
        <v>5381</v>
      </c>
      <c r="K49" s="1">
        <v>154278</v>
      </c>
      <c r="L49" s="1">
        <v>0</v>
      </c>
      <c r="M49" s="1">
        <v>0</v>
      </c>
      <c r="N49" s="1">
        <v>21469</v>
      </c>
      <c r="O49" s="1">
        <v>796751</v>
      </c>
      <c r="P49" s="1">
        <v>378949</v>
      </c>
      <c r="Q49" s="1">
        <v>0</v>
      </c>
      <c r="R49" s="1">
        <v>70000</v>
      </c>
      <c r="S49" s="1">
        <v>0</v>
      </c>
      <c r="T49" s="1">
        <v>0</v>
      </c>
      <c r="U49" s="1">
        <v>0</v>
      </c>
      <c r="V49" s="1">
        <v>625019</v>
      </c>
      <c r="W49" s="1">
        <v>0</v>
      </c>
      <c r="X49" s="1">
        <v>0</v>
      </c>
      <c r="Y49" s="1">
        <v>162900</v>
      </c>
      <c r="Z49" s="1">
        <v>59002</v>
      </c>
      <c r="AA49" s="1">
        <v>0</v>
      </c>
      <c r="AB49" s="1">
        <v>0</v>
      </c>
      <c r="AC49" s="1">
        <v>325347</v>
      </c>
      <c r="AD49" s="1">
        <v>19394</v>
      </c>
      <c r="AE49" s="1">
        <v>208687</v>
      </c>
      <c r="AF49" s="1">
        <v>68209</v>
      </c>
      <c r="AG49" s="1">
        <v>307577</v>
      </c>
      <c r="AH49" s="1">
        <v>200000</v>
      </c>
      <c r="AI49" s="1">
        <v>0</v>
      </c>
      <c r="AJ49" s="1">
        <v>0</v>
      </c>
      <c r="AK49" s="1">
        <v>0</v>
      </c>
      <c r="AL49" s="1">
        <v>63154</v>
      </c>
      <c r="AM49" s="1">
        <v>137851</v>
      </c>
      <c r="AN49" s="1">
        <v>126667</v>
      </c>
      <c r="AO49" s="1">
        <v>25660</v>
      </c>
      <c r="AP49" s="1">
        <v>57669</v>
      </c>
      <c r="AQ49" s="1">
        <v>0</v>
      </c>
      <c r="AR49" s="1">
        <v>0</v>
      </c>
      <c r="AS49" s="1">
        <v>40000</v>
      </c>
      <c r="AT49" s="1">
        <v>29409</v>
      </c>
      <c r="AU49" s="1">
        <v>0</v>
      </c>
      <c r="AV49" s="1">
        <v>0</v>
      </c>
      <c r="AW49" s="1">
        <v>0</v>
      </c>
      <c r="AX49" s="1">
        <v>1155</v>
      </c>
      <c r="AY49" s="1">
        <v>0</v>
      </c>
      <c r="AZ49" s="1">
        <v>18705</v>
      </c>
      <c r="BA49" s="1">
        <v>91866</v>
      </c>
      <c r="BB49" s="1">
        <v>0</v>
      </c>
      <c r="BC49" s="1">
        <v>35075</v>
      </c>
      <c r="BD49" s="1">
        <v>359408</v>
      </c>
      <c r="BE49" s="1">
        <v>47015</v>
      </c>
      <c r="BF49" s="1">
        <v>6231304</v>
      </c>
      <c r="BG49" s="1">
        <v>0</v>
      </c>
      <c r="BH49" s="1">
        <v>0</v>
      </c>
      <c r="BI49" s="1">
        <v>0</v>
      </c>
      <c r="BJ49" s="1">
        <v>0</v>
      </c>
      <c r="BK49" s="1">
        <v>0</v>
      </c>
      <c r="BL49" s="1">
        <v>0</v>
      </c>
      <c r="BM49" s="1">
        <v>0</v>
      </c>
      <c r="BN49" s="1">
        <v>0</v>
      </c>
      <c r="BO49" s="1">
        <v>18360</v>
      </c>
      <c r="BP49" s="1">
        <v>0</v>
      </c>
      <c r="BQ49" s="1">
        <v>0</v>
      </c>
      <c r="BR49" s="1">
        <v>0</v>
      </c>
      <c r="BS49" s="1">
        <v>18360</v>
      </c>
      <c r="BT49" s="1">
        <v>100000</v>
      </c>
      <c r="BU49" s="1">
        <v>0</v>
      </c>
      <c r="BV49" s="1">
        <v>0</v>
      </c>
      <c r="BW49" s="1">
        <v>0</v>
      </c>
      <c r="BX49" s="1">
        <v>0</v>
      </c>
      <c r="BY49" s="1">
        <v>0</v>
      </c>
      <c r="BZ49" s="1">
        <v>22556</v>
      </c>
      <c r="CA49" s="1">
        <v>0</v>
      </c>
      <c r="CB49" s="1">
        <v>0</v>
      </c>
      <c r="CC49" s="1">
        <v>6846</v>
      </c>
      <c r="CD49" s="1">
        <v>0</v>
      </c>
      <c r="CE49" s="1">
        <v>707</v>
      </c>
      <c r="CF49" s="1">
        <v>0</v>
      </c>
      <c r="CG49" s="1">
        <v>0</v>
      </c>
      <c r="CH49" s="1">
        <v>0</v>
      </c>
      <c r="CI49" s="1">
        <v>15243</v>
      </c>
      <c r="CJ49" s="1">
        <v>0</v>
      </c>
      <c r="CK49" s="1">
        <v>0</v>
      </c>
      <c r="CL49" s="1">
        <v>0</v>
      </c>
      <c r="CM49" s="1">
        <v>0</v>
      </c>
      <c r="CN49" s="1">
        <v>0</v>
      </c>
      <c r="CO49" s="1">
        <v>13879</v>
      </c>
      <c r="CP49" s="1">
        <v>0</v>
      </c>
      <c r="CQ49" s="1">
        <v>159231</v>
      </c>
      <c r="CR49" s="1">
        <v>0</v>
      </c>
      <c r="CS49" s="1">
        <v>0</v>
      </c>
      <c r="CT49" s="1">
        <v>0</v>
      </c>
      <c r="CU49" s="1">
        <v>347</v>
      </c>
      <c r="CV49" s="1">
        <v>0</v>
      </c>
      <c r="CW49" s="1">
        <v>0</v>
      </c>
      <c r="CX49" s="1">
        <v>0</v>
      </c>
      <c r="CY49" s="1">
        <v>0</v>
      </c>
      <c r="CZ49" s="1">
        <v>0</v>
      </c>
      <c r="DA49" s="1">
        <v>0</v>
      </c>
      <c r="DB49" s="1">
        <v>0</v>
      </c>
      <c r="DC49" s="1">
        <v>0</v>
      </c>
      <c r="DD49" s="1">
        <v>347</v>
      </c>
      <c r="DE49" s="1">
        <v>6409242</v>
      </c>
    </row>
    <row r="50" spans="1:109" ht="10" customHeight="1">
      <c r="A50" s="159" t="s">
        <v>83</v>
      </c>
      <c r="B50" s="160"/>
      <c r="C50" s="161"/>
      <c r="D50" s="46">
        <v>2469388</v>
      </c>
      <c r="E50" s="1">
        <v>722882</v>
      </c>
      <c r="F50" s="1">
        <v>970657</v>
      </c>
      <c r="G50" s="1">
        <v>2974944</v>
      </c>
      <c r="H50" s="1">
        <v>154296</v>
      </c>
      <c r="I50" s="1">
        <v>326296</v>
      </c>
      <c r="J50" s="1">
        <v>296000</v>
      </c>
      <c r="K50" s="1">
        <v>317353</v>
      </c>
      <c r="L50" s="1">
        <v>114159</v>
      </c>
      <c r="M50" s="1">
        <v>191346</v>
      </c>
      <c r="N50" s="1">
        <v>85997</v>
      </c>
      <c r="O50" s="1">
        <v>1650561</v>
      </c>
      <c r="P50" s="1">
        <v>716246</v>
      </c>
      <c r="Q50" s="1">
        <v>69694</v>
      </c>
      <c r="R50" s="1">
        <v>93990</v>
      </c>
      <c r="S50" s="1">
        <v>96976</v>
      </c>
      <c r="T50" s="1">
        <v>180224</v>
      </c>
      <c r="U50" s="1">
        <v>721306</v>
      </c>
      <c r="V50" s="1">
        <v>1324931</v>
      </c>
      <c r="W50" s="1">
        <v>151874</v>
      </c>
      <c r="X50" s="1">
        <v>52747</v>
      </c>
      <c r="Y50" s="1">
        <v>305020</v>
      </c>
      <c r="Z50" s="1">
        <v>257584</v>
      </c>
      <c r="AA50" s="1">
        <v>482293</v>
      </c>
      <c r="AB50" s="1">
        <v>78722</v>
      </c>
      <c r="AC50" s="1">
        <v>609636</v>
      </c>
      <c r="AD50" s="1">
        <v>106975</v>
      </c>
      <c r="AE50" s="1">
        <v>464193</v>
      </c>
      <c r="AF50" s="1">
        <v>165919</v>
      </c>
      <c r="AG50" s="1">
        <v>588917</v>
      </c>
      <c r="AH50" s="1">
        <v>519624</v>
      </c>
      <c r="AI50" s="1">
        <v>505019</v>
      </c>
      <c r="AJ50" s="1">
        <v>44143</v>
      </c>
      <c r="AK50" s="1">
        <v>81113</v>
      </c>
      <c r="AL50" s="1">
        <v>314138</v>
      </c>
      <c r="AM50" s="1">
        <v>698867</v>
      </c>
      <c r="AN50" s="1">
        <v>1573235</v>
      </c>
      <c r="AO50" s="1">
        <v>51126</v>
      </c>
      <c r="AP50" s="1">
        <v>141895</v>
      </c>
      <c r="AQ50" s="1">
        <v>96421</v>
      </c>
      <c r="AR50" s="1">
        <v>19373</v>
      </c>
      <c r="AS50" s="1">
        <v>146723</v>
      </c>
      <c r="AT50" s="1">
        <v>116172</v>
      </c>
      <c r="AU50" s="1">
        <v>62452</v>
      </c>
      <c r="AV50" s="1">
        <v>513113</v>
      </c>
      <c r="AW50" s="1">
        <v>-4152</v>
      </c>
      <c r="AX50" s="1">
        <v>11792</v>
      </c>
      <c r="AY50" s="1">
        <v>8165</v>
      </c>
      <c r="AZ50" s="1">
        <v>46394</v>
      </c>
      <c r="BA50" s="1">
        <v>168164</v>
      </c>
      <c r="BB50" s="1">
        <v>201616</v>
      </c>
      <c r="BC50" s="1">
        <v>44261</v>
      </c>
      <c r="BD50" s="1">
        <v>411357</v>
      </c>
      <c r="BE50" s="1">
        <v>129065</v>
      </c>
      <c r="BF50" s="1">
        <v>22641202</v>
      </c>
      <c r="BG50" s="1">
        <v>-58</v>
      </c>
      <c r="BH50" s="1">
        <v>0</v>
      </c>
      <c r="BI50" s="1">
        <v>0</v>
      </c>
      <c r="BJ50" s="1">
        <v>92693</v>
      </c>
      <c r="BK50" s="1">
        <v>14645</v>
      </c>
      <c r="BL50" s="1">
        <v>65795</v>
      </c>
      <c r="BM50" s="1">
        <v>8967</v>
      </c>
      <c r="BN50" s="1">
        <v>19099</v>
      </c>
      <c r="BO50" s="1">
        <v>36051</v>
      </c>
      <c r="BP50" s="1">
        <v>965</v>
      </c>
      <c r="BQ50" s="1">
        <v>22637</v>
      </c>
      <c r="BR50" s="1">
        <v>87826</v>
      </c>
      <c r="BS50" s="1">
        <v>348620</v>
      </c>
      <c r="BT50" s="1">
        <v>173289</v>
      </c>
      <c r="BU50" s="1">
        <v>10594</v>
      </c>
      <c r="BV50" s="1">
        <v>31604</v>
      </c>
      <c r="BW50" s="1">
        <v>14922</v>
      </c>
      <c r="BX50" s="1">
        <v>14268</v>
      </c>
      <c r="BY50" s="1">
        <v>82990</v>
      </c>
      <c r="BZ50" s="1">
        <v>57486</v>
      </c>
      <c r="CA50" s="1">
        <v>22975</v>
      </c>
      <c r="CB50" s="1">
        <v>3700</v>
      </c>
      <c r="CC50" s="1">
        <v>16837</v>
      </c>
      <c r="CD50" s="1">
        <v>-22043</v>
      </c>
      <c r="CE50" s="1">
        <v>1205</v>
      </c>
      <c r="CF50" s="1">
        <v>2036</v>
      </c>
      <c r="CG50" s="1">
        <v>-270</v>
      </c>
      <c r="CH50" s="1">
        <v>25859</v>
      </c>
      <c r="CI50" s="1">
        <v>38717</v>
      </c>
      <c r="CJ50" s="1">
        <v>-305112</v>
      </c>
      <c r="CK50" s="1">
        <v>19883</v>
      </c>
      <c r="CL50" s="1">
        <v>35222</v>
      </c>
      <c r="CM50" s="1">
        <v>-1945</v>
      </c>
      <c r="CN50" s="1">
        <v>-17550</v>
      </c>
      <c r="CO50" s="1">
        <v>22243</v>
      </c>
      <c r="CP50" s="1">
        <v>128</v>
      </c>
      <c r="CQ50" s="1">
        <v>227038</v>
      </c>
      <c r="CR50" s="1">
        <v>599</v>
      </c>
      <c r="CS50" s="1">
        <v>8477</v>
      </c>
      <c r="CT50" s="1">
        <v>-39833</v>
      </c>
      <c r="CU50" s="1">
        <v>6018</v>
      </c>
      <c r="CV50" s="1">
        <v>-5825</v>
      </c>
      <c r="CW50" s="1">
        <v>8375</v>
      </c>
      <c r="CX50" s="1">
        <v>884</v>
      </c>
      <c r="CY50" s="1">
        <v>-2273</v>
      </c>
      <c r="CZ50" s="1">
        <v>-44981</v>
      </c>
      <c r="DA50" s="1">
        <v>-415</v>
      </c>
      <c r="DB50" s="1">
        <v>-5036</v>
      </c>
      <c r="DC50" s="1">
        <v>13507</v>
      </c>
      <c r="DD50" s="1">
        <v>-60503</v>
      </c>
      <c r="DE50" s="1">
        <v>23156357</v>
      </c>
    </row>
    <row r="51" spans="1:109" ht="10" customHeight="1">
      <c r="A51" s="89" t="s">
        <v>47</v>
      </c>
      <c r="B51" s="98"/>
      <c r="C51" s="91"/>
      <c r="D51" s="46">
        <v>0</v>
      </c>
      <c r="E51" s="1">
        <v>0</v>
      </c>
      <c r="F51" s="1">
        <v>0</v>
      </c>
      <c r="G51" s="1">
        <v>0</v>
      </c>
      <c r="H51" s="1">
        <v>0</v>
      </c>
      <c r="I51" s="1">
        <v>0</v>
      </c>
      <c r="J51" s="1">
        <v>0</v>
      </c>
      <c r="K51" s="1">
        <v>0</v>
      </c>
      <c r="L51" s="1">
        <v>0</v>
      </c>
      <c r="M51" s="1">
        <v>2300</v>
      </c>
      <c r="N51" s="1">
        <v>0</v>
      </c>
      <c r="O51" s="1">
        <v>0</v>
      </c>
      <c r="P51" s="1">
        <v>0</v>
      </c>
      <c r="Q51" s="1">
        <v>0</v>
      </c>
      <c r="R51" s="1">
        <v>0</v>
      </c>
      <c r="S51" s="1">
        <v>0</v>
      </c>
      <c r="T51" s="1">
        <v>0</v>
      </c>
      <c r="U51" s="1">
        <v>0</v>
      </c>
      <c r="V51" s="1">
        <v>0</v>
      </c>
      <c r="W51" s="1">
        <v>0</v>
      </c>
      <c r="X51" s="1">
        <v>0</v>
      </c>
      <c r="Y51" s="1">
        <v>0</v>
      </c>
      <c r="Z51" s="1">
        <v>0</v>
      </c>
      <c r="AA51" s="1">
        <v>0</v>
      </c>
      <c r="AB51" s="1">
        <v>0</v>
      </c>
      <c r="AC51" s="1">
        <v>0</v>
      </c>
      <c r="AD51" s="1">
        <v>0</v>
      </c>
      <c r="AE51" s="1">
        <v>0</v>
      </c>
      <c r="AF51" s="1">
        <v>0</v>
      </c>
      <c r="AG51" s="1">
        <v>0</v>
      </c>
      <c r="AH51" s="1">
        <v>0</v>
      </c>
      <c r="AI51" s="1">
        <v>0</v>
      </c>
      <c r="AJ51" s="1">
        <v>0</v>
      </c>
      <c r="AK51" s="1">
        <v>0</v>
      </c>
      <c r="AL51" s="1">
        <v>0</v>
      </c>
      <c r="AM51" s="1">
        <v>0</v>
      </c>
      <c r="AN51" s="1">
        <v>0</v>
      </c>
      <c r="AO51" s="1">
        <v>0</v>
      </c>
      <c r="AP51" s="1">
        <v>0</v>
      </c>
      <c r="AQ51" s="1">
        <v>0</v>
      </c>
      <c r="AR51" s="1">
        <v>0</v>
      </c>
      <c r="AS51" s="1">
        <v>0</v>
      </c>
      <c r="AT51" s="1">
        <v>0</v>
      </c>
      <c r="AU51" s="1">
        <v>0</v>
      </c>
      <c r="AV51" s="1">
        <v>400</v>
      </c>
      <c r="AW51" s="1">
        <v>0</v>
      </c>
      <c r="AX51" s="1">
        <v>0</v>
      </c>
      <c r="AY51" s="1">
        <v>0</v>
      </c>
      <c r="AZ51" s="1">
        <v>0</v>
      </c>
      <c r="BA51" s="1">
        <v>0</v>
      </c>
      <c r="BB51" s="1">
        <v>0</v>
      </c>
      <c r="BC51" s="1">
        <v>0</v>
      </c>
      <c r="BD51" s="1">
        <v>0</v>
      </c>
      <c r="BE51" s="1">
        <v>0</v>
      </c>
      <c r="BF51" s="1">
        <v>2700</v>
      </c>
      <c r="BG51" s="1">
        <v>0</v>
      </c>
      <c r="BH51" s="1">
        <v>0</v>
      </c>
      <c r="BI51" s="1">
        <v>0</v>
      </c>
      <c r="BJ51" s="1">
        <v>0</v>
      </c>
      <c r="BK51" s="1">
        <v>0</v>
      </c>
      <c r="BL51" s="1">
        <v>0</v>
      </c>
      <c r="BM51" s="1">
        <v>400</v>
      </c>
      <c r="BN51" s="1">
        <v>0</v>
      </c>
      <c r="BO51" s="1">
        <v>0</v>
      </c>
      <c r="BP51" s="1">
        <v>0</v>
      </c>
      <c r="BQ51" s="1">
        <v>0</v>
      </c>
      <c r="BR51" s="1">
        <v>0</v>
      </c>
      <c r="BS51" s="1">
        <v>400</v>
      </c>
      <c r="BT51" s="1">
        <v>0</v>
      </c>
      <c r="BU51" s="1">
        <v>0</v>
      </c>
      <c r="BV51" s="1">
        <v>0</v>
      </c>
      <c r="BW51" s="1">
        <v>0</v>
      </c>
      <c r="BX51" s="1">
        <v>14900</v>
      </c>
      <c r="BY51" s="1">
        <v>0</v>
      </c>
      <c r="BZ51" s="1">
        <v>0</v>
      </c>
      <c r="CA51" s="1">
        <v>0</v>
      </c>
      <c r="CB51" s="1">
        <v>0</v>
      </c>
      <c r="CC51" s="1">
        <v>0</v>
      </c>
      <c r="CD51" s="1">
        <v>0</v>
      </c>
      <c r="CE51" s="1">
        <v>0</v>
      </c>
      <c r="CF51" s="1">
        <v>0</v>
      </c>
      <c r="CG51" s="1">
        <v>0</v>
      </c>
      <c r="CH51" s="1">
        <v>0</v>
      </c>
      <c r="CI51" s="1">
        <v>0</v>
      </c>
      <c r="CJ51" s="1">
        <v>400</v>
      </c>
      <c r="CK51" s="1">
        <v>0</v>
      </c>
      <c r="CL51" s="1">
        <v>0</v>
      </c>
      <c r="CM51" s="1">
        <v>0</v>
      </c>
      <c r="CN51" s="1">
        <v>0</v>
      </c>
      <c r="CO51" s="1">
        <v>0</v>
      </c>
      <c r="CP51" s="1">
        <v>0</v>
      </c>
      <c r="CQ51" s="1">
        <v>15300</v>
      </c>
      <c r="CR51" s="1">
        <v>0</v>
      </c>
      <c r="CS51" s="1">
        <v>0</v>
      </c>
      <c r="CT51" s="1">
        <v>0</v>
      </c>
      <c r="CU51" s="1">
        <v>0</v>
      </c>
      <c r="CV51" s="1">
        <v>400</v>
      </c>
      <c r="CW51" s="1">
        <v>0</v>
      </c>
      <c r="CX51" s="1">
        <v>11500</v>
      </c>
      <c r="CY51" s="1">
        <v>0</v>
      </c>
      <c r="CZ51" s="1">
        <v>0</v>
      </c>
      <c r="DA51" s="1">
        <v>0</v>
      </c>
      <c r="DB51" s="1">
        <v>0</v>
      </c>
      <c r="DC51" s="1">
        <v>0</v>
      </c>
      <c r="DD51" s="1">
        <v>11900</v>
      </c>
      <c r="DE51" s="1">
        <v>30300</v>
      </c>
    </row>
    <row r="52" spans="1:109" ht="10" customHeight="1">
      <c r="A52" s="89" t="s">
        <v>48</v>
      </c>
      <c r="B52" s="98"/>
      <c r="C52" s="91"/>
      <c r="D52" s="46">
        <v>0</v>
      </c>
      <c r="E52" s="1">
        <v>0</v>
      </c>
      <c r="F52" s="1">
        <v>0</v>
      </c>
      <c r="G52" s="1">
        <v>0</v>
      </c>
      <c r="H52" s="1">
        <v>0</v>
      </c>
      <c r="I52" s="1">
        <v>0</v>
      </c>
      <c r="J52" s="1">
        <v>0</v>
      </c>
      <c r="K52" s="1">
        <v>0</v>
      </c>
      <c r="L52" s="1">
        <v>0</v>
      </c>
      <c r="M52" s="1">
        <v>0</v>
      </c>
      <c r="N52" s="1">
        <v>0</v>
      </c>
      <c r="O52" s="1">
        <v>0</v>
      </c>
      <c r="P52" s="1">
        <v>0</v>
      </c>
      <c r="Q52" s="1">
        <v>0</v>
      </c>
      <c r="R52" s="1">
        <v>0</v>
      </c>
      <c r="S52" s="1">
        <v>0</v>
      </c>
      <c r="T52" s="1">
        <v>0</v>
      </c>
      <c r="U52" s="1">
        <v>0</v>
      </c>
      <c r="V52" s="1">
        <v>0</v>
      </c>
      <c r="W52" s="1">
        <v>0</v>
      </c>
      <c r="X52" s="1">
        <v>0</v>
      </c>
      <c r="Y52" s="1">
        <v>0</v>
      </c>
      <c r="Z52" s="1">
        <v>0</v>
      </c>
      <c r="AA52" s="1">
        <v>0</v>
      </c>
      <c r="AB52" s="1">
        <v>0</v>
      </c>
      <c r="AC52" s="1">
        <v>0</v>
      </c>
      <c r="AD52" s="1">
        <v>0</v>
      </c>
      <c r="AE52" s="1">
        <v>0</v>
      </c>
      <c r="AF52" s="1">
        <v>0</v>
      </c>
      <c r="AG52" s="1">
        <v>0</v>
      </c>
      <c r="AH52" s="1">
        <v>0</v>
      </c>
      <c r="AI52" s="1">
        <v>0</v>
      </c>
      <c r="AJ52" s="1">
        <v>0</v>
      </c>
      <c r="AK52" s="1">
        <v>0</v>
      </c>
      <c r="AL52" s="1">
        <v>0</v>
      </c>
      <c r="AM52" s="1">
        <v>0</v>
      </c>
      <c r="AN52" s="1">
        <v>0</v>
      </c>
      <c r="AO52" s="1">
        <v>0</v>
      </c>
      <c r="AP52" s="1">
        <v>0</v>
      </c>
      <c r="AQ52" s="1">
        <v>0</v>
      </c>
      <c r="AR52" s="1">
        <v>0</v>
      </c>
      <c r="AS52" s="1">
        <v>0</v>
      </c>
      <c r="AT52" s="1">
        <v>0</v>
      </c>
      <c r="AU52" s="1">
        <v>0</v>
      </c>
      <c r="AV52" s="1">
        <v>0</v>
      </c>
      <c r="AW52" s="1">
        <v>0</v>
      </c>
      <c r="AX52" s="1">
        <v>0</v>
      </c>
      <c r="AY52" s="1">
        <v>0</v>
      </c>
      <c r="AZ52" s="1">
        <v>0</v>
      </c>
      <c r="BA52" s="1">
        <v>0</v>
      </c>
      <c r="BB52" s="1">
        <v>0</v>
      </c>
      <c r="BC52" s="1">
        <v>0</v>
      </c>
      <c r="BD52" s="1">
        <v>0</v>
      </c>
      <c r="BE52" s="1">
        <v>0</v>
      </c>
      <c r="BF52" s="1">
        <v>0</v>
      </c>
      <c r="BG52" s="1">
        <v>0</v>
      </c>
      <c r="BH52" s="1">
        <v>0</v>
      </c>
      <c r="BI52" s="1">
        <v>0</v>
      </c>
      <c r="BJ52" s="1">
        <v>0</v>
      </c>
      <c r="BK52" s="1">
        <v>0</v>
      </c>
      <c r="BL52" s="1">
        <v>0</v>
      </c>
      <c r="BM52" s="1">
        <v>0</v>
      </c>
      <c r="BN52" s="1">
        <v>0</v>
      </c>
      <c r="BO52" s="1">
        <v>0</v>
      </c>
      <c r="BP52" s="1">
        <v>0</v>
      </c>
      <c r="BQ52" s="1">
        <v>0</v>
      </c>
      <c r="BR52" s="1">
        <v>0</v>
      </c>
      <c r="BS52" s="1">
        <v>0</v>
      </c>
      <c r="BT52" s="1">
        <v>0</v>
      </c>
      <c r="BU52" s="1">
        <v>0</v>
      </c>
      <c r="BV52" s="1">
        <v>0</v>
      </c>
      <c r="BW52" s="1">
        <v>0</v>
      </c>
      <c r="BX52" s="1">
        <v>0</v>
      </c>
      <c r="BY52" s="1">
        <v>0</v>
      </c>
      <c r="BZ52" s="1">
        <v>0</v>
      </c>
      <c r="CA52" s="1">
        <v>0</v>
      </c>
      <c r="CB52" s="1">
        <v>0</v>
      </c>
      <c r="CC52" s="1">
        <v>0</v>
      </c>
      <c r="CD52" s="1">
        <v>0</v>
      </c>
      <c r="CE52" s="1">
        <v>0</v>
      </c>
      <c r="CF52" s="1">
        <v>0</v>
      </c>
      <c r="CG52" s="1">
        <v>0</v>
      </c>
      <c r="CH52" s="1">
        <v>0</v>
      </c>
      <c r="CI52" s="1">
        <v>0</v>
      </c>
      <c r="CJ52" s="1">
        <v>0</v>
      </c>
      <c r="CK52" s="1">
        <v>0</v>
      </c>
      <c r="CL52" s="1">
        <v>0</v>
      </c>
      <c r="CM52" s="1">
        <v>0</v>
      </c>
      <c r="CN52" s="1">
        <v>0</v>
      </c>
      <c r="CO52" s="1">
        <v>0</v>
      </c>
      <c r="CP52" s="1">
        <v>0</v>
      </c>
      <c r="CQ52" s="1">
        <v>0</v>
      </c>
      <c r="CR52" s="1">
        <v>0</v>
      </c>
      <c r="CS52" s="1">
        <v>0</v>
      </c>
      <c r="CT52" s="1">
        <v>0</v>
      </c>
      <c r="CU52" s="1">
        <v>0</v>
      </c>
      <c r="CV52" s="1">
        <v>0</v>
      </c>
      <c r="CW52" s="1">
        <v>0</v>
      </c>
      <c r="CX52" s="1">
        <v>0</v>
      </c>
      <c r="CY52" s="1">
        <v>0</v>
      </c>
      <c r="CZ52" s="1">
        <v>0</v>
      </c>
      <c r="DA52" s="1">
        <v>0</v>
      </c>
      <c r="DB52" s="1">
        <v>0</v>
      </c>
      <c r="DC52" s="1">
        <v>0</v>
      </c>
      <c r="DD52" s="1">
        <v>0</v>
      </c>
      <c r="DE52" s="1">
        <v>0</v>
      </c>
    </row>
    <row r="53" spans="1:109" ht="10" customHeight="1">
      <c r="A53" s="164" t="s">
        <v>84</v>
      </c>
      <c r="B53" s="165"/>
      <c r="C53" s="166"/>
      <c r="D53" s="46">
        <v>4615721</v>
      </c>
      <c r="E53" s="1">
        <v>1850742</v>
      </c>
      <c r="F53" s="1">
        <v>1117589</v>
      </c>
      <c r="G53" s="1">
        <v>2063923</v>
      </c>
      <c r="H53" s="1">
        <v>803137</v>
      </c>
      <c r="I53" s="1">
        <v>409666</v>
      </c>
      <c r="J53" s="1">
        <v>1376285</v>
      </c>
      <c r="K53" s="1">
        <v>482404</v>
      </c>
      <c r="L53" s="1">
        <v>580383</v>
      </c>
      <c r="M53" s="1">
        <v>399261</v>
      </c>
      <c r="N53" s="1">
        <v>615681</v>
      </c>
      <c r="O53" s="1">
        <v>1582555</v>
      </c>
      <c r="P53" s="1">
        <v>898009</v>
      </c>
      <c r="Q53" s="1">
        <v>572140</v>
      </c>
      <c r="R53" s="1">
        <v>757819</v>
      </c>
      <c r="S53" s="1">
        <v>268404</v>
      </c>
      <c r="T53" s="1">
        <v>278596</v>
      </c>
      <c r="U53" s="1">
        <v>1230639</v>
      </c>
      <c r="V53" s="1">
        <v>1046970</v>
      </c>
      <c r="W53" s="1">
        <v>542547</v>
      </c>
      <c r="X53" s="1">
        <v>610057</v>
      </c>
      <c r="Y53" s="1">
        <v>373582</v>
      </c>
      <c r="Z53" s="1">
        <v>391738</v>
      </c>
      <c r="AA53" s="1">
        <v>355968</v>
      </c>
      <c r="AB53" s="1">
        <v>346885</v>
      </c>
      <c r="AC53" s="1">
        <v>755055</v>
      </c>
      <c r="AD53" s="1">
        <v>124484</v>
      </c>
      <c r="AE53" s="1">
        <v>1398724</v>
      </c>
      <c r="AF53" s="1">
        <v>336580</v>
      </c>
      <c r="AG53" s="1">
        <v>466051</v>
      </c>
      <c r="AH53" s="1">
        <v>280160</v>
      </c>
      <c r="AI53" s="1">
        <v>837388</v>
      </c>
      <c r="AJ53" s="1">
        <v>220686</v>
      </c>
      <c r="AK53" s="1">
        <v>195461</v>
      </c>
      <c r="AL53" s="1">
        <v>321487</v>
      </c>
      <c r="AM53" s="1">
        <v>262507</v>
      </c>
      <c r="AN53" s="1">
        <v>264251</v>
      </c>
      <c r="AO53" s="1">
        <v>120906</v>
      </c>
      <c r="AP53" s="1">
        <v>53457</v>
      </c>
      <c r="AQ53" s="1">
        <v>20034</v>
      </c>
      <c r="AR53" s="1">
        <v>84268</v>
      </c>
      <c r="AS53" s="1">
        <v>55170</v>
      </c>
      <c r="AT53" s="1">
        <v>227955</v>
      </c>
      <c r="AU53" s="1">
        <v>138176</v>
      </c>
      <c r="AV53" s="1">
        <v>59530</v>
      </c>
      <c r="AW53" s="1">
        <v>53220</v>
      </c>
      <c r="AX53" s="1">
        <v>41436</v>
      </c>
      <c r="AY53" s="1">
        <v>132514</v>
      </c>
      <c r="AZ53" s="1">
        <v>123801</v>
      </c>
      <c r="BA53" s="1">
        <v>172539</v>
      </c>
      <c r="BB53" s="1">
        <v>92014</v>
      </c>
      <c r="BC53" s="1">
        <v>169457</v>
      </c>
      <c r="BD53" s="1">
        <v>946509</v>
      </c>
      <c r="BE53" s="1">
        <v>317941</v>
      </c>
      <c r="BF53" s="1">
        <v>31842462</v>
      </c>
      <c r="BG53" s="1">
        <v>64066</v>
      </c>
      <c r="BH53" s="1">
        <v>0</v>
      </c>
      <c r="BI53" s="1">
        <v>0</v>
      </c>
      <c r="BJ53" s="1">
        <v>122022</v>
      </c>
      <c r="BK53" s="1">
        <v>56214</v>
      </c>
      <c r="BL53" s="1">
        <v>73337</v>
      </c>
      <c r="BM53" s="1">
        <v>26644</v>
      </c>
      <c r="BN53" s="1">
        <v>172283</v>
      </c>
      <c r="BO53" s="1">
        <v>48781</v>
      </c>
      <c r="BP53" s="1">
        <v>13543</v>
      </c>
      <c r="BQ53" s="1">
        <v>4115</v>
      </c>
      <c r="BR53" s="1">
        <v>351899</v>
      </c>
      <c r="BS53" s="1">
        <v>932904</v>
      </c>
      <c r="BT53" s="1">
        <v>219799</v>
      </c>
      <c r="BU53" s="1">
        <v>69913</v>
      </c>
      <c r="BV53" s="1">
        <v>204878</v>
      </c>
      <c r="BW53" s="1">
        <v>107454</v>
      </c>
      <c r="BX53" s="1">
        <v>93624</v>
      </c>
      <c r="BY53" s="1">
        <v>218645</v>
      </c>
      <c r="BZ53" s="1">
        <v>300278</v>
      </c>
      <c r="CA53" s="1">
        <v>70200</v>
      </c>
      <c r="CB53" s="1">
        <v>18034</v>
      </c>
      <c r="CC53" s="1">
        <v>30003</v>
      </c>
      <c r="CD53" s="1">
        <v>27463</v>
      </c>
      <c r="CE53" s="1">
        <v>50750</v>
      </c>
      <c r="CF53" s="1">
        <v>21160</v>
      </c>
      <c r="CG53" s="1">
        <v>26180</v>
      </c>
      <c r="CH53" s="1">
        <v>61151</v>
      </c>
      <c r="CI53" s="1">
        <v>63021</v>
      </c>
      <c r="CJ53" s="1">
        <v>221437</v>
      </c>
      <c r="CK53" s="1">
        <v>42710</v>
      </c>
      <c r="CL53" s="1">
        <v>116263</v>
      </c>
      <c r="CM53" s="1">
        <v>4689</v>
      </c>
      <c r="CN53" s="1">
        <v>50075</v>
      </c>
      <c r="CO53" s="1">
        <v>38296</v>
      </c>
      <c r="CP53" s="1">
        <v>2272</v>
      </c>
      <c r="CQ53" s="1">
        <v>2058295</v>
      </c>
      <c r="CR53" s="1">
        <v>64502</v>
      </c>
      <c r="CS53" s="1">
        <v>12140</v>
      </c>
      <c r="CT53" s="1">
        <v>27830</v>
      </c>
      <c r="CU53" s="1">
        <v>9250</v>
      </c>
      <c r="CV53" s="1">
        <v>12041</v>
      </c>
      <c r="CW53" s="1">
        <v>15164</v>
      </c>
      <c r="CX53" s="1">
        <v>60000</v>
      </c>
      <c r="CY53" s="1">
        <v>17839</v>
      </c>
      <c r="CZ53" s="1">
        <v>34449</v>
      </c>
      <c r="DA53" s="1">
        <v>12242</v>
      </c>
      <c r="DB53" s="1">
        <v>7459</v>
      </c>
      <c r="DC53" s="1">
        <v>12127</v>
      </c>
      <c r="DD53" s="1">
        <v>285043</v>
      </c>
      <c r="DE53" s="1">
        <v>35118704</v>
      </c>
    </row>
    <row r="54" spans="1:109" ht="10" customHeight="1">
      <c r="A54" s="26"/>
      <c r="B54" s="162" t="s">
        <v>85</v>
      </c>
      <c r="C54" s="163"/>
      <c r="D54" s="46">
        <v>4615721</v>
      </c>
      <c r="E54" s="3">
        <v>1338711</v>
      </c>
      <c r="F54" s="3">
        <v>1117589</v>
      </c>
      <c r="G54" s="3">
        <v>2063923</v>
      </c>
      <c r="H54" s="3">
        <v>507094</v>
      </c>
      <c r="I54" s="3">
        <v>243721</v>
      </c>
      <c r="J54" s="3">
        <v>1226052</v>
      </c>
      <c r="K54" s="3">
        <v>342730</v>
      </c>
      <c r="L54" s="3">
        <v>261904</v>
      </c>
      <c r="M54" s="3">
        <v>399082</v>
      </c>
      <c r="N54" s="3">
        <v>494080</v>
      </c>
      <c r="O54" s="3">
        <v>402626</v>
      </c>
      <c r="P54" s="3">
        <v>466188</v>
      </c>
      <c r="Q54" s="3">
        <v>442945</v>
      </c>
      <c r="R54" s="3">
        <v>422030</v>
      </c>
      <c r="S54" s="3">
        <v>268404</v>
      </c>
      <c r="T54" s="3">
        <v>234570</v>
      </c>
      <c r="U54" s="3">
        <v>462210</v>
      </c>
      <c r="V54" s="3">
        <v>1037538</v>
      </c>
      <c r="W54" s="3">
        <v>443258</v>
      </c>
      <c r="X54" s="3">
        <v>610057</v>
      </c>
      <c r="Y54" s="3">
        <v>193283</v>
      </c>
      <c r="Z54" s="3">
        <v>293309</v>
      </c>
      <c r="AA54" s="3">
        <v>353993</v>
      </c>
      <c r="AB54" s="3">
        <v>330414</v>
      </c>
      <c r="AC54" s="3">
        <v>755055</v>
      </c>
      <c r="AD54" s="3">
        <v>98421</v>
      </c>
      <c r="AE54" s="3">
        <v>1090702</v>
      </c>
      <c r="AF54" s="3">
        <v>82538</v>
      </c>
      <c r="AG54" s="3">
        <v>80067</v>
      </c>
      <c r="AH54" s="3">
        <v>161281</v>
      </c>
      <c r="AI54" s="3">
        <v>592187</v>
      </c>
      <c r="AJ54" s="3">
        <v>154597</v>
      </c>
      <c r="AK54" s="3">
        <v>195461</v>
      </c>
      <c r="AL54" s="3">
        <v>76601</v>
      </c>
      <c r="AM54" s="3">
        <v>259802</v>
      </c>
      <c r="AN54" s="3">
        <v>264251</v>
      </c>
      <c r="AO54" s="3">
        <v>78358</v>
      </c>
      <c r="AP54" s="3">
        <v>9611</v>
      </c>
      <c r="AQ54" s="3">
        <v>8970</v>
      </c>
      <c r="AR54" s="3">
        <v>74659</v>
      </c>
      <c r="AS54" s="3">
        <v>6934</v>
      </c>
      <c r="AT54" s="3">
        <v>175443</v>
      </c>
      <c r="AU54" s="3">
        <v>94197</v>
      </c>
      <c r="AV54" s="3">
        <v>6731</v>
      </c>
      <c r="AW54" s="3">
        <v>18090</v>
      </c>
      <c r="AX54" s="3">
        <v>3050</v>
      </c>
      <c r="AY54" s="3">
        <v>132514</v>
      </c>
      <c r="AZ54" s="3">
        <v>98726</v>
      </c>
      <c r="BA54" s="3">
        <v>161665</v>
      </c>
      <c r="BB54" s="3">
        <v>28383</v>
      </c>
      <c r="BC54" s="3">
        <v>109993</v>
      </c>
      <c r="BD54" s="3">
        <v>722538</v>
      </c>
      <c r="BE54" s="3">
        <v>317941</v>
      </c>
      <c r="BF54" s="3">
        <v>24430198</v>
      </c>
      <c r="BG54" s="3">
        <v>7943</v>
      </c>
      <c r="BH54" s="3">
        <v>0</v>
      </c>
      <c r="BI54" s="3">
        <v>0</v>
      </c>
      <c r="BJ54" s="3">
        <v>75068</v>
      </c>
      <c r="BK54" s="3">
        <v>52777</v>
      </c>
      <c r="BL54" s="3">
        <v>64253</v>
      </c>
      <c r="BM54" s="3">
        <v>20650</v>
      </c>
      <c r="BN54" s="3">
        <v>85941</v>
      </c>
      <c r="BO54" s="3">
        <v>0</v>
      </c>
      <c r="BP54" s="3">
        <v>13543</v>
      </c>
      <c r="BQ54" s="3">
        <v>974</v>
      </c>
      <c r="BR54" s="3">
        <v>317845</v>
      </c>
      <c r="BS54" s="3">
        <v>638994</v>
      </c>
      <c r="BT54" s="3">
        <v>103261</v>
      </c>
      <c r="BU54" s="3">
        <v>51280</v>
      </c>
      <c r="BV54" s="3">
        <v>51248</v>
      </c>
      <c r="BW54" s="3">
        <v>45497</v>
      </c>
      <c r="BX54" s="3">
        <v>49951</v>
      </c>
      <c r="BY54" s="3">
        <v>209380</v>
      </c>
      <c r="BZ54" s="3">
        <v>198556</v>
      </c>
      <c r="CA54" s="3">
        <v>55428</v>
      </c>
      <c r="CB54" s="3">
        <v>15138</v>
      </c>
      <c r="CC54" s="3">
        <v>12172</v>
      </c>
      <c r="CD54" s="3">
        <v>7477</v>
      </c>
      <c r="CE54" s="3">
        <v>22158</v>
      </c>
      <c r="CF54" s="3">
        <v>3870</v>
      </c>
      <c r="CG54" s="3">
        <v>26180</v>
      </c>
      <c r="CH54" s="3">
        <v>36969</v>
      </c>
      <c r="CI54" s="3">
        <v>21087</v>
      </c>
      <c r="CJ54" s="3">
        <v>54009</v>
      </c>
      <c r="CK54" s="3">
        <v>23310</v>
      </c>
      <c r="CL54" s="3">
        <v>27936</v>
      </c>
      <c r="CM54" s="3">
        <v>4328</v>
      </c>
      <c r="CN54" s="3">
        <v>25268</v>
      </c>
      <c r="CO54" s="3">
        <v>18645</v>
      </c>
      <c r="CP54" s="3">
        <v>0</v>
      </c>
      <c r="CQ54" s="1">
        <v>1063148</v>
      </c>
      <c r="CR54" s="3">
        <v>27414</v>
      </c>
      <c r="CS54" s="3">
        <v>2361</v>
      </c>
      <c r="CT54" s="3">
        <v>11613</v>
      </c>
      <c r="CU54" s="3">
        <v>5</v>
      </c>
      <c r="CV54" s="3">
        <v>855</v>
      </c>
      <c r="CW54" s="3">
        <v>6985</v>
      </c>
      <c r="CX54" s="3">
        <v>34054</v>
      </c>
      <c r="CY54" s="3">
        <v>7144</v>
      </c>
      <c r="CZ54" s="3">
        <v>15116</v>
      </c>
      <c r="DA54" s="3">
        <v>0</v>
      </c>
      <c r="DB54" s="3">
        <v>612</v>
      </c>
      <c r="DC54" s="3">
        <v>0</v>
      </c>
      <c r="DD54" s="1">
        <v>106159</v>
      </c>
      <c r="DE54" s="1">
        <v>26238499</v>
      </c>
    </row>
    <row r="55" spans="1:109" ht="10" customHeight="1">
      <c r="A55" s="26"/>
      <c r="B55" s="157" t="s">
        <v>86</v>
      </c>
      <c r="C55" s="158"/>
      <c r="D55" s="46">
        <v>0</v>
      </c>
      <c r="E55" s="3">
        <v>512031</v>
      </c>
      <c r="F55" s="3">
        <v>0</v>
      </c>
      <c r="G55" s="3">
        <v>0</v>
      </c>
      <c r="H55" s="3">
        <v>296043</v>
      </c>
      <c r="I55" s="3">
        <v>165945</v>
      </c>
      <c r="J55" s="3">
        <v>150233</v>
      </c>
      <c r="K55" s="3">
        <v>139674</v>
      </c>
      <c r="L55" s="3">
        <v>318479</v>
      </c>
      <c r="M55" s="3">
        <v>179</v>
      </c>
      <c r="N55" s="3">
        <v>121601</v>
      </c>
      <c r="O55" s="3">
        <v>1179929</v>
      </c>
      <c r="P55" s="3">
        <v>431821</v>
      </c>
      <c r="Q55" s="3">
        <v>129195</v>
      </c>
      <c r="R55" s="3">
        <v>335789</v>
      </c>
      <c r="S55" s="3">
        <v>0</v>
      </c>
      <c r="T55" s="3">
        <v>44026</v>
      </c>
      <c r="U55" s="3">
        <v>768429</v>
      </c>
      <c r="V55" s="3">
        <v>9432</v>
      </c>
      <c r="W55" s="3">
        <v>99289</v>
      </c>
      <c r="X55" s="3">
        <v>0</v>
      </c>
      <c r="Y55" s="3">
        <v>180299</v>
      </c>
      <c r="Z55" s="3">
        <v>98429</v>
      </c>
      <c r="AA55" s="3">
        <v>1975</v>
      </c>
      <c r="AB55" s="3">
        <v>16471</v>
      </c>
      <c r="AC55" s="3">
        <v>0</v>
      </c>
      <c r="AD55" s="3">
        <v>26063</v>
      </c>
      <c r="AE55" s="3">
        <v>308022</v>
      </c>
      <c r="AF55" s="3">
        <v>254042</v>
      </c>
      <c r="AG55" s="3">
        <v>385984</v>
      </c>
      <c r="AH55" s="3">
        <v>118879</v>
      </c>
      <c r="AI55" s="3">
        <v>245201</v>
      </c>
      <c r="AJ55" s="3">
        <v>66089</v>
      </c>
      <c r="AK55" s="3">
        <v>0</v>
      </c>
      <c r="AL55" s="3">
        <v>244886</v>
      </c>
      <c r="AM55" s="3">
        <v>2705</v>
      </c>
      <c r="AN55" s="3">
        <v>0</v>
      </c>
      <c r="AO55" s="3">
        <v>42548</v>
      </c>
      <c r="AP55" s="3">
        <v>43846</v>
      </c>
      <c r="AQ55" s="3">
        <v>11064</v>
      </c>
      <c r="AR55" s="3">
        <v>9609</v>
      </c>
      <c r="AS55" s="3">
        <v>48236</v>
      </c>
      <c r="AT55" s="3">
        <v>52512</v>
      </c>
      <c r="AU55" s="3">
        <v>43979</v>
      </c>
      <c r="AV55" s="3">
        <v>52799</v>
      </c>
      <c r="AW55" s="3">
        <v>35130</v>
      </c>
      <c r="AX55" s="3">
        <v>38386</v>
      </c>
      <c r="AY55" s="3">
        <v>0</v>
      </c>
      <c r="AZ55" s="3">
        <v>25075</v>
      </c>
      <c r="BA55" s="3">
        <v>10874</v>
      </c>
      <c r="BB55" s="3">
        <v>63631</v>
      </c>
      <c r="BC55" s="3">
        <v>59464</v>
      </c>
      <c r="BD55" s="3">
        <v>223971</v>
      </c>
      <c r="BE55" s="3">
        <v>0</v>
      </c>
      <c r="BF55" s="3">
        <v>7412264</v>
      </c>
      <c r="BG55" s="3">
        <v>56123</v>
      </c>
      <c r="BH55" s="3">
        <v>0</v>
      </c>
      <c r="BI55" s="3">
        <v>0</v>
      </c>
      <c r="BJ55" s="3">
        <v>46954</v>
      </c>
      <c r="BK55" s="3">
        <v>3437</v>
      </c>
      <c r="BL55" s="3">
        <v>9084</v>
      </c>
      <c r="BM55" s="3">
        <v>5994</v>
      </c>
      <c r="BN55" s="3">
        <v>86342</v>
      </c>
      <c r="BO55" s="3">
        <v>48781</v>
      </c>
      <c r="BP55" s="3">
        <v>0</v>
      </c>
      <c r="BQ55" s="3">
        <v>3141</v>
      </c>
      <c r="BR55" s="3">
        <v>34054</v>
      </c>
      <c r="BS55" s="3">
        <v>293910</v>
      </c>
      <c r="BT55" s="3">
        <v>116538</v>
      </c>
      <c r="BU55" s="3">
        <v>18633</v>
      </c>
      <c r="BV55" s="3">
        <v>153630</v>
      </c>
      <c r="BW55" s="3">
        <v>61957</v>
      </c>
      <c r="BX55" s="3">
        <v>43673</v>
      </c>
      <c r="BY55" s="3">
        <v>9265</v>
      </c>
      <c r="BZ55" s="3">
        <v>101722</v>
      </c>
      <c r="CA55" s="3">
        <v>14772</v>
      </c>
      <c r="CB55" s="3">
        <v>2896</v>
      </c>
      <c r="CC55" s="3">
        <v>17831</v>
      </c>
      <c r="CD55" s="3">
        <v>19986</v>
      </c>
      <c r="CE55" s="3">
        <v>28592</v>
      </c>
      <c r="CF55" s="3">
        <v>17290</v>
      </c>
      <c r="CG55" s="3">
        <v>0</v>
      </c>
      <c r="CH55" s="3">
        <v>24182</v>
      </c>
      <c r="CI55" s="3">
        <v>41934</v>
      </c>
      <c r="CJ55" s="3">
        <v>167428</v>
      </c>
      <c r="CK55" s="3">
        <v>19400</v>
      </c>
      <c r="CL55" s="3">
        <v>88327</v>
      </c>
      <c r="CM55" s="3">
        <v>361</v>
      </c>
      <c r="CN55" s="3">
        <v>24807</v>
      </c>
      <c r="CO55" s="3">
        <v>19651</v>
      </c>
      <c r="CP55" s="3">
        <v>2272</v>
      </c>
      <c r="CQ55" s="1">
        <v>995147</v>
      </c>
      <c r="CR55" s="3">
        <v>37088</v>
      </c>
      <c r="CS55" s="3">
        <v>9779</v>
      </c>
      <c r="CT55" s="3">
        <v>16217</v>
      </c>
      <c r="CU55" s="3">
        <v>9245</v>
      </c>
      <c r="CV55" s="3">
        <v>11186</v>
      </c>
      <c r="CW55" s="3">
        <v>8179</v>
      </c>
      <c r="CX55" s="3">
        <v>25946</v>
      </c>
      <c r="CY55" s="3">
        <v>10695</v>
      </c>
      <c r="CZ55" s="3">
        <v>19333</v>
      </c>
      <c r="DA55" s="3">
        <v>12242</v>
      </c>
      <c r="DB55" s="3">
        <v>6847</v>
      </c>
      <c r="DC55" s="3">
        <v>12127</v>
      </c>
      <c r="DD55" s="1">
        <v>178884</v>
      </c>
      <c r="DE55" s="1">
        <v>8880205</v>
      </c>
    </row>
    <row r="56" spans="1:109" ht="10" customHeight="1">
      <c r="A56" s="26"/>
      <c r="B56" s="29"/>
      <c r="C56" s="62" t="s">
        <v>87</v>
      </c>
      <c r="D56" s="46">
        <v>0</v>
      </c>
      <c r="E56" s="1">
        <v>0</v>
      </c>
      <c r="F56" s="1">
        <v>0</v>
      </c>
      <c r="G56" s="1">
        <v>0</v>
      </c>
      <c r="H56" s="1">
        <v>0</v>
      </c>
      <c r="I56" s="1">
        <v>0</v>
      </c>
      <c r="J56" s="1">
        <v>0</v>
      </c>
      <c r="K56" s="1">
        <v>0</v>
      </c>
      <c r="L56" s="1">
        <v>0</v>
      </c>
      <c r="M56" s="1">
        <v>0</v>
      </c>
      <c r="N56" s="1">
        <v>0</v>
      </c>
      <c r="O56" s="1">
        <v>0</v>
      </c>
      <c r="P56" s="1">
        <v>0</v>
      </c>
      <c r="Q56" s="1">
        <v>0</v>
      </c>
      <c r="R56" s="1">
        <v>0</v>
      </c>
      <c r="S56" s="1">
        <v>0</v>
      </c>
      <c r="T56" s="1">
        <v>0</v>
      </c>
      <c r="U56" s="1">
        <v>0</v>
      </c>
      <c r="V56" s="1">
        <v>0</v>
      </c>
      <c r="W56" s="1">
        <v>0</v>
      </c>
      <c r="X56" s="1">
        <v>0</v>
      </c>
      <c r="Y56" s="1">
        <v>0</v>
      </c>
      <c r="Z56" s="1">
        <v>52864</v>
      </c>
      <c r="AA56" s="1">
        <v>0</v>
      </c>
      <c r="AB56" s="1">
        <v>0</v>
      </c>
      <c r="AC56" s="1">
        <v>0</v>
      </c>
      <c r="AD56" s="1">
        <v>0</v>
      </c>
      <c r="AE56" s="1">
        <v>0</v>
      </c>
      <c r="AF56" s="1">
        <v>0</v>
      </c>
      <c r="AG56" s="1">
        <v>0</v>
      </c>
      <c r="AH56" s="1">
        <v>0</v>
      </c>
      <c r="AI56" s="1">
        <v>0</v>
      </c>
      <c r="AJ56" s="1">
        <v>0</v>
      </c>
      <c r="AK56" s="1">
        <v>0</v>
      </c>
      <c r="AL56" s="1">
        <v>0</v>
      </c>
      <c r="AM56" s="1">
        <v>351</v>
      </c>
      <c r="AN56" s="1">
        <v>0</v>
      </c>
      <c r="AO56" s="1">
        <v>0</v>
      </c>
      <c r="AP56" s="1">
        <v>0</v>
      </c>
      <c r="AQ56" s="1">
        <v>0</v>
      </c>
      <c r="AR56" s="1">
        <v>0</v>
      </c>
      <c r="AS56" s="1">
        <v>48236</v>
      </c>
      <c r="AT56" s="1">
        <v>0</v>
      </c>
      <c r="AU56" s="1">
        <v>0</v>
      </c>
      <c r="AV56" s="1">
        <v>42472</v>
      </c>
      <c r="AW56" s="1">
        <v>0</v>
      </c>
      <c r="AX56" s="1">
        <v>0</v>
      </c>
      <c r="AY56" s="1">
        <v>0</v>
      </c>
      <c r="AZ56" s="1">
        <v>0</v>
      </c>
      <c r="BA56" s="1">
        <v>0</v>
      </c>
      <c r="BB56" s="1">
        <v>0</v>
      </c>
      <c r="BC56" s="1">
        <v>0</v>
      </c>
      <c r="BD56" s="1">
        <v>0</v>
      </c>
      <c r="BE56" s="1">
        <v>0</v>
      </c>
      <c r="BF56" s="1">
        <v>143923</v>
      </c>
      <c r="BG56" s="1">
        <v>0</v>
      </c>
      <c r="BH56" s="1">
        <v>0</v>
      </c>
      <c r="BI56" s="1">
        <v>0</v>
      </c>
      <c r="BJ56" s="1">
        <v>0</v>
      </c>
      <c r="BK56" s="1">
        <v>0</v>
      </c>
      <c r="BL56" s="1">
        <v>0</v>
      </c>
      <c r="BM56" s="1">
        <v>5320</v>
      </c>
      <c r="BN56" s="1">
        <v>0</v>
      </c>
      <c r="BO56" s="1">
        <v>0</v>
      </c>
      <c r="BP56" s="1">
        <v>0</v>
      </c>
      <c r="BQ56" s="1">
        <v>0</v>
      </c>
      <c r="BR56" s="1">
        <v>0</v>
      </c>
      <c r="BS56" s="1">
        <v>5320</v>
      </c>
      <c r="BT56" s="1">
        <v>0</v>
      </c>
      <c r="BU56" s="1">
        <v>0</v>
      </c>
      <c r="BV56" s="1">
        <v>0</v>
      </c>
      <c r="BW56" s="1">
        <v>0</v>
      </c>
      <c r="BX56" s="1">
        <v>0</v>
      </c>
      <c r="BY56" s="1">
        <v>0</v>
      </c>
      <c r="BZ56" s="1">
        <v>0</v>
      </c>
      <c r="CA56" s="1">
        <v>0</v>
      </c>
      <c r="CB56" s="1">
        <v>0</v>
      </c>
      <c r="CC56" s="1">
        <v>0</v>
      </c>
      <c r="CD56" s="1">
        <v>0</v>
      </c>
      <c r="CE56" s="1">
        <v>0</v>
      </c>
      <c r="CF56" s="1">
        <v>0</v>
      </c>
      <c r="CG56" s="1">
        <v>0</v>
      </c>
      <c r="CH56" s="1">
        <v>24182</v>
      </c>
      <c r="CI56" s="1">
        <v>0</v>
      </c>
      <c r="CJ56" s="1">
        <v>0</v>
      </c>
      <c r="CK56" s="1">
        <v>0</v>
      </c>
      <c r="CL56" s="1">
        <v>0</v>
      </c>
      <c r="CM56" s="1">
        <v>361</v>
      </c>
      <c r="CN56" s="1">
        <v>0</v>
      </c>
      <c r="CO56" s="1">
        <v>0</v>
      </c>
      <c r="CP56" s="1">
        <v>0</v>
      </c>
      <c r="CQ56" s="1">
        <v>24543</v>
      </c>
      <c r="CR56" s="1">
        <v>0</v>
      </c>
      <c r="CS56" s="1">
        <v>0</v>
      </c>
      <c r="CT56" s="1">
        <v>16217</v>
      </c>
      <c r="CU56" s="1">
        <v>0</v>
      </c>
      <c r="CV56" s="1">
        <v>0</v>
      </c>
      <c r="CW56" s="1">
        <v>0</v>
      </c>
      <c r="CX56" s="1">
        <v>0</v>
      </c>
      <c r="CY56" s="1">
        <v>0</v>
      </c>
      <c r="CZ56" s="1">
        <v>0</v>
      </c>
      <c r="DA56" s="1">
        <v>0</v>
      </c>
      <c r="DB56" s="1">
        <v>0</v>
      </c>
      <c r="DC56" s="1">
        <v>0</v>
      </c>
      <c r="DD56" s="1">
        <v>16217</v>
      </c>
      <c r="DE56" s="1">
        <v>190003</v>
      </c>
    </row>
    <row r="57" spans="1:109" ht="10" customHeight="1">
      <c r="A57" s="32"/>
      <c r="B57" s="30"/>
      <c r="C57" s="62" t="s">
        <v>88</v>
      </c>
      <c r="D57" s="46">
        <v>0</v>
      </c>
      <c r="E57" s="1">
        <v>512031</v>
      </c>
      <c r="F57" s="1">
        <v>0</v>
      </c>
      <c r="G57" s="1">
        <v>0</v>
      </c>
      <c r="H57" s="1">
        <v>296043</v>
      </c>
      <c r="I57" s="1">
        <v>165945</v>
      </c>
      <c r="J57" s="1">
        <v>150233</v>
      </c>
      <c r="K57" s="1">
        <v>139674</v>
      </c>
      <c r="L57" s="1">
        <v>318479</v>
      </c>
      <c r="M57" s="1">
        <v>179</v>
      </c>
      <c r="N57" s="1">
        <v>121601</v>
      </c>
      <c r="O57" s="1">
        <v>1179929</v>
      </c>
      <c r="P57" s="1">
        <v>431821</v>
      </c>
      <c r="Q57" s="1">
        <v>129195</v>
      </c>
      <c r="R57" s="1">
        <v>335789</v>
      </c>
      <c r="S57" s="1">
        <v>0</v>
      </c>
      <c r="T57" s="1">
        <v>44026</v>
      </c>
      <c r="U57" s="1">
        <v>768429</v>
      </c>
      <c r="V57" s="1">
        <v>9432</v>
      </c>
      <c r="W57" s="1">
        <v>99289</v>
      </c>
      <c r="X57" s="1">
        <v>0</v>
      </c>
      <c r="Y57" s="1">
        <v>180299</v>
      </c>
      <c r="Z57" s="1">
        <v>45565</v>
      </c>
      <c r="AA57" s="1">
        <v>1975</v>
      </c>
      <c r="AB57" s="1">
        <v>16471</v>
      </c>
      <c r="AC57" s="1">
        <v>0</v>
      </c>
      <c r="AD57" s="1">
        <v>26063</v>
      </c>
      <c r="AE57" s="1">
        <v>308022</v>
      </c>
      <c r="AF57" s="1">
        <v>254042</v>
      </c>
      <c r="AG57" s="1">
        <v>385984</v>
      </c>
      <c r="AH57" s="1">
        <v>118879</v>
      </c>
      <c r="AI57" s="1">
        <v>245201</v>
      </c>
      <c r="AJ57" s="1">
        <v>66089</v>
      </c>
      <c r="AK57" s="1">
        <v>0</v>
      </c>
      <c r="AL57" s="1">
        <v>244886</v>
      </c>
      <c r="AM57" s="1">
        <v>2354</v>
      </c>
      <c r="AN57" s="1">
        <v>0</v>
      </c>
      <c r="AO57" s="1">
        <v>42548</v>
      </c>
      <c r="AP57" s="1">
        <v>43846</v>
      </c>
      <c r="AQ57" s="1">
        <v>11064</v>
      </c>
      <c r="AR57" s="1">
        <v>9609</v>
      </c>
      <c r="AS57" s="1">
        <v>0</v>
      </c>
      <c r="AT57" s="1">
        <v>52512</v>
      </c>
      <c r="AU57" s="1">
        <v>43979</v>
      </c>
      <c r="AV57" s="1">
        <v>10327</v>
      </c>
      <c r="AW57" s="1">
        <v>35130</v>
      </c>
      <c r="AX57" s="1">
        <v>38386</v>
      </c>
      <c r="AY57" s="1">
        <v>0</v>
      </c>
      <c r="AZ57" s="1">
        <v>25075</v>
      </c>
      <c r="BA57" s="1">
        <v>10874</v>
      </c>
      <c r="BB57" s="1">
        <v>63631</v>
      </c>
      <c r="BC57" s="1">
        <v>59464</v>
      </c>
      <c r="BD57" s="1">
        <v>223971</v>
      </c>
      <c r="BE57" s="1">
        <v>0</v>
      </c>
      <c r="BF57" s="1">
        <v>7268341</v>
      </c>
      <c r="BG57" s="1">
        <v>56123</v>
      </c>
      <c r="BH57" s="1">
        <v>0</v>
      </c>
      <c r="BI57" s="1">
        <v>0</v>
      </c>
      <c r="BJ57" s="1">
        <v>46954</v>
      </c>
      <c r="BK57" s="1">
        <v>3437</v>
      </c>
      <c r="BL57" s="1">
        <v>9084</v>
      </c>
      <c r="BM57" s="1">
        <v>674</v>
      </c>
      <c r="BN57" s="1">
        <v>86342</v>
      </c>
      <c r="BO57" s="1">
        <v>48781</v>
      </c>
      <c r="BP57" s="1">
        <v>0</v>
      </c>
      <c r="BQ57" s="1">
        <v>3141</v>
      </c>
      <c r="BR57" s="1">
        <v>34054</v>
      </c>
      <c r="BS57" s="1">
        <v>288590</v>
      </c>
      <c r="BT57" s="1">
        <v>116538</v>
      </c>
      <c r="BU57" s="1">
        <v>18633</v>
      </c>
      <c r="BV57" s="1">
        <v>153630</v>
      </c>
      <c r="BW57" s="1">
        <v>61957</v>
      </c>
      <c r="BX57" s="1">
        <v>43673</v>
      </c>
      <c r="BY57" s="1">
        <v>9265</v>
      </c>
      <c r="BZ57" s="1">
        <v>101722</v>
      </c>
      <c r="CA57" s="1">
        <v>14772</v>
      </c>
      <c r="CB57" s="1">
        <v>2896</v>
      </c>
      <c r="CC57" s="1">
        <v>17831</v>
      </c>
      <c r="CD57" s="1">
        <v>19986</v>
      </c>
      <c r="CE57" s="1">
        <v>28592</v>
      </c>
      <c r="CF57" s="1">
        <v>17290</v>
      </c>
      <c r="CG57" s="1">
        <v>0</v>
      </c>
      <c r="CH57" s="1">
        <v>0</v>
      </c>
      <c r="CI57" s="1">
        <v>41934</v>
      </c>
      <c r="CJ57" s="1">
        <v>167428</v>
      </c>
      <c r="CK57" s="1">
        <v>19400</v>
      </c>
      <c r="CL57" s="1">
        <v>88327</v>
      </c>
      <c r="CM57" s="1">
        <v>0</v>
      </c>
      <c r="CN57" s="1">
        <v>24807</v>
      </c>
      <c r="CO57" s="1">
        <v>19651</v>
      </c>
      <c r="CP57" s="1">
        <v>2272</v>
      </c>
      <c r="CQ57" s="1">
        <v>970604</v>
      </c>
      <c r="CR57" s="1">
        <v>37088</v>
      </c>
      <c r="CS57" s="1">
        <v>9779</v>
      </c>
      <c r="CT57" s="1">
        <v>0</v>
      </c>
      <c r="CU57" s="1">
        <v>9245</v>
      </c>
      <c r="CV57" s="1">
        <v>11186</v>
      </c>
      <c r="CW57" s="1">
        <v>8179</v>
      </c>
      <c r="CX57" s="1">
        <v>25946</v>
      </c>
      <c r="CY57" s="1">
        <v>10695</v>
      </c>
      <c r="CZ57" s="1">
        <v>19333</v>
      </c>
      <c r="DA57" s="1">
        <v>12242</v>
      </c>
      <c r="DB57" s="1">
        <v>6847</v>
      </c>
      <c r="DC57" s="1">
        <v>12127</v>
      </c>
      <c r="DD57" s="1">
        <v>162667</v>
      </c>
      <c r="DE57" s="1">
        <v>8690202</v>
      </c>
    </row>
    <row r="58" spans="1:109" ht="10" customHeight="1">
      <c r="A58" s="63"/>
      <c r="B58" s="63"/>
      <c r="C58" s="63"/>
      <c r="D58" s="64"/>
      <c r="E58" s="65"/>
      <c r="F58" s="65"/>
      <c r="G58" s="65"/>
      <c r="H58" s="65"/>
      <c r="I58" s="65"/>
      <c r="J58" s="65"/>
      <c r="K58" s="65"/>
      <c r="L58" s="65"/>
      <c r="M58" s="65"/>
      <c r="N58" s="65"/>
      <c r="O58" s="65"/>
      <c r="P58" s="65"/>
      <c r="Q58" s="65"/>
      <c r="R58" s="65"/>
      <c r="S58" s="65"/>
      <c r="T58" s="65"/>
      <c r="U58" s="65"/>
      <c r="V58" s="65"/>
      <c r="W58" s="65"/>
      <c r="X58" s="65"/>
      <c r="Y58" s="65"/>
      <c r="Z58" s="65"/>
      <c r="AA58" s="65"/>
      <c r="AB58" s="65"/>
      <c r="AC58" s="65"/>
      <c r="AD58" s="65"/>
      <c r="AE58" s="65"/>
      <c r="AF58" s="65"/>
      <c r="AG58" s="65"/>
      <c r="AH58" s="65"/>
      <c r="AI58" s="65"/>
      <c r="AJ58" s="65"/>
      <c r="AK58" s="65"/>
      <c r="AL58" s="65"/>
      <c r="AM58" s="65"/>
      <c r="AN58" s="65"/>
      <c r="AO58" s="65"/>
      <c r="AP58" s="65"/>
      <c r="AQ58" s="65"/>
      <c r="AR58" s="65"/>
      <c r="AS58" s="65"/>
      <c r="AT58" s="65"/>
      <c r="AU58" s="65"/>
      <c r="AV58" s="65"/>
      <c r="AW58" s="65"/>
      <c r="AX58" s="65"/>
      <c r="AY58" s="65"/>
      <c r="AZ58" s="65"/>
      <c r="BA58" s="65"/>
      <c r="BB58" s="65"/>
      <c r="BC58" s="65"/>
      <c r="BD58" s="65"/>
      <c r="BE58" s="65"/>
      <c r="BF58" s="65"/>
      <c r="BG58" s="65"/>
      <c r="BH58" s="65"/>
      <c r="BI58" s="65"/>
      <c r="BJ58" s="65"/>
      <c r="BK58" s="65"/>
      <c r="BL58" s="65"/>
      <c r="BM58" s="65"/>
      <c r="BN58" s="65"/>
      <c r="BO58" s="65"/>
      <c r="BP58" s="65"/>
      <c r="BQ58" s="65"/>
      <c r="BR58" s="65"/>
      <c r="BS58" s="65"/>
      <c r="BT58" s="65"/>
      <c r="BU58" s="65"/>
      <c r="BV58" s="65"/>
      <c r="BW58" s="65"/>
      <c r="BX58" s="65"/>
      <c r="BY58" s="65"/>
      <c r="BZ58" s="65"/>
      <c r="CA58" s="65"/>
      <c r="CB58" s="65"/>
      <c r="CC58" s="65"/>
      <c r="CD58" s="65"/>
      <c r="CE58" s="65"/>
      <c r="CF58" s="65"/>
      <c r="CG58" s="65"/>
      <c r="CH58" s="65"/>
      <c r="CI58" s="65"/>
      <c r="CJ58" s="65"/>
      <c r="CK58" s="65"/>
      <c r="CL58" s="65"/>
      <c r="CM58" s="65"/>
      <c r="CN58" s="65"/>
      <c r="CO58" s="65"/>
      <c r="CP58" s="65"/>
      <c r="CQ58" s="65"/>
      <c r="CR58" s="65"/>
      <c r="CS58" s="65"/>
      <c r="CT58" s="65"/>
      <c r="CU58" s="65"/>
      <c r="CV58" s="65"/>
      <c r="CW58" s="65"/>
      <c r="CX58" s="65"/>
      <c r="CY58" s="65"/>
      <c r="CZ58" s="65"/>
      <c r="DA58" s="65"/>
      <c r="DB58" s="65"/>
      <c r="DC58" s="65"/>
      <c r="DD58" s="65"/>
      <c r="DE58" s="65"/>
    </row>
    <row r="59" spans="1:109" ht="10" customHeight="1">
      <c r="A59" s="13" t="s">
        <v>228</v>
      </c>
      <c r="C59" s="66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4"/>
      <c r="AH59" s="4"/>
      <c r="AI59" s="4"/>
      <c r="AJ59" s="4"/>
      <c r="AK59" s="4"/>
      <c r="AL59" s="4"/>
      <c r="AM59" s="4"/>
      <c r="AN59" s="4"/>
      <c r="AO59" s="4"/>
      <c r="AP59" s="4"/>
      <c r="AQ59" s="4"/>
      <c r="AR59" s="4"/>
      <c r="AS59" s="4"/>
      <c r="AT59" s="4"/>
      <c r="AU59" s="4"/>
      <c r="AV59" s="4"/>
      <c r="AW59" s="4"/>
      <c r="AX59" s="4"/>
      <c r="AY59" s="4"/>
      <c r="AZ59" s="4"/>
      <c r="BA59" s="4"/>
      <c r="BB59" s="4"/>
      <c r="BC59" s="4"/>
      <c r="BD59" s="4"/>
      <c r="BE59" s="4"/>
      <c r="BF59" s="4"/>
      <c r="BG59" s="4"/>
      <c r="BH59" s="4"/>
      <c r="BI59" s="4"/>
      <c r="BJ59" s="4"/>
      <c r="BK59" s="4"/>
      <c r="BL59" s="4"/>
      <c r="BM59" s="4"/>
      <c r="BN59" s="4"/>
      <c r="BO59" s="4"/>
      <c r="BP59" s="4"/>
      <c r="BQ59" s="4"/>
      <c r="BR59" s="4"/>
      <c r="BS59" s="4">
        <v>0</v>
      </c>
      <c r="BT59" s="4"/>
      <c r="BU59" s="4"/>
      <c r="BV59" s="4"/>
      <c r="BW59" s="4"/>
      <c r="BX59" s="4"/>
      <c r="BY59" s="4"/>
      <c r="BZ59" s="4"/>
      <c r="CA59" s="4"/>
      <c r="CB59" s="4"/>
      <c r="CC59" s="4"/>
      <c r="CD59" s="4"/>
      <c r="CE59" s="4"/>
      <c r="CF59" s="4"/>
      <c r="CG59" s="4"/>
      <c r="CH59" s="4"/>
      <c r="CI59" s="4"/>
      <c r="CJ59" s="4"/>
      <c r="CK59" s="4"/>
      <c r="CL59" s="4"/>
      <c r="CM59" s="4"/>
      <c r="CN59" s="4"/>
      <c r="CO59" s="4"/>
      <c r="CP59" s="4"/>
      <c r="CQ59" s="4">
        <v>0</v>
      </c>
      <c r="CR59" s="4"/>
      <c r="CS59" s="4"/>
      <c r="CT59" s="4"/>
      <c r="CU59" s="4"/>
      <c r="CV59" s="4"/>
      <c r="CW59" s="4"/>
      <c r="CX59" s="4"/>
      <c r="CY59" s="4"/>
      <c r="CZ59" s="4"/>
      <c r="DA59" s="4"/>
      <c r="DB59" s="4"/>
      <c r="DC59" s="4"/>
      <c r="DD59" s="4" t="e">
        <v>#REF!</v>
      </c>
      <c r="DE59" s="4">
        <v>0</v>
      </c>
    </row>
    <row r="60" spans="1:109" ht="10" customHeight="1">
      <c r="A60" s="67" t="s">
        <v>161</v>
      </c>
      <c r="B60" s="68"/>
      <c r="C60" s="69"/>
      <c r="D60" s="5">
        <v>11428059</v>
      </c>
      <c r="E60" s="5">
        <v>1968702</v>
      </c>
      <c r="F60" s="5">
        <v>1302873</v>
      </c>
      <c r="G60" s="5">
        <v>3665436</v>
      </c>
      <c r="H60" s="5">
        <v>580997</v>
      </c>
      <c r="I60" s="5">
        <v>298924</v>
      </c>
      <c r="J60" s="5">
        <v>2245946</v>
      </c>
      <c r="K60" s="5">
        <v>565819</v>
      </c>
      <c r="L60" s="5">
        <v>584645</v>
      </c>
      <c r="M60" s="5">
        <v>360099</v>
      </c>
      <c r="N60" s="5">
        <v>58058</v>
      </c>
      <c r="O60" s="5">
        <v>2654745</v>
      </c>
      <c r="P60" s="5">
        <v>1520282</v>
      </c>
      <c r="Q60" s="5">
        <v>502965</v>
      </c>
      <c r="R60" s="5">
        <v>927667</v>
      </c>
      <c r="S60" s="5">
        <v>1075956</v>
      </c>
      <c r="T60" s="5">
        <v>1000281</v>
      </c>
      <c r="U60" s="5">
        <v>1667206</v>
      </c>
      <c r="V60" s="5">
        <v>2229873</v>
      </c>
      <c r="W60" s="5">
        <v>384344</v>
      </c>
      <c r="X60" s="5">
        <v>-845250</v>
      </c>
      <c r="Y60" s="5">
        <v>986767</v>
      </c>
      <c r="Z60" s="5">
        <v>427465</v>
      </c>
      <c r="AA60" s="5">
        <v>340090</v>
      </c>
      <c r="AB60" s="5">
        <v>392591</v>
      </c>
      <c r="AC60" s="5">
        <v>1206437</v>
      </c>
      <c r="AD60" s="5">
        <v>208397</v>
      </c>
      <c r="AE60" s="5">
        <v>784584</v>
      </c>
      <c r="AF60" s="5">
        <v>430677</v>
      </c>
      <c r="AG60" s="5">
        <v>443512</v>
      </c>
      <c r="AH60" s="5">
        <v>547014</v>
      </c>
      <c r="AI60" s="5">
        <v>1148300</v>
      </c>
      <c r="AJ60" s="5">
        <v>228734</v>
      </c>
      <c r="AK60" s="5">
        <v>116602</v>
      </c>
      <c r="AL60" s="5">
        <v>323247</v>
      </c>
      <c r="AM60" s="5">
        <v>406318</v>
      </c>
      <c r="AN60" s="5">
        <v>1025858</v>
      </c>
      <c r="AO60" s="5">
        <v>279302</v>
      </c>
      <c r="AP60" s="5">
        <v>118214</v>
      </c>
      <c r="AQ60" s="5">
        <v>147528</v>
      </c>
      <c r="AR60" s="5">
        <v>48591</v>
      </c>
      <c r="AS60" s="5">
        <v>116760</v>
      </c>
      <c r="AT60" s="5">
        <v>150743</v>
      </c>
      <c r="AU60" s="5">
        <v>87421</v>
      </c>
      <c r="AV60" s="5">
        <v>158589</v>
      </c>
      <c r="AW60" s="5">
        <v>22815</v>
      </c>
      <c r="AX60" s="5">
        <v>38257</v>
      </c>
      <c r="AY60" s="5">
        <v>89748</v>
      </c>
      <c r="AZ60" s="5">
        <v>81404</v>
      </c>
      <c r="BA60" s="5">
        <v>135141</v>
      </c>
      <c r="BB60" s="5">
        <v>120220</v>
      </c>
      <c r="BC60" s="5">
        <v>170648</v>
      </c>
      <c r="BD60" s="5">
        <v>1037231</v>
      </c>
      <c r="BE60" s="5">
        <v>56757</v>
      </c>
      <c r="BF60" s="5">
        <v>46053589</v>
      </c>
      <c r="BG60" s="5">
        <v>25502</v>
      </c>
      <c r="BH60" s="5">
        <v>0</v>
      </c>
      <c r="BI60" s="5">
        <v>12838</v>
      </c>
      <c r="BJ60" s="5">
        <v>109787</v>
      </c>
      <c r="BK60" s="5">
        <v>67017</v>
      </c>
      <c r="BL60" s="5">
        <v>87539</v>
      </c>
      <c r="BM60" s="5">
        <v>7290</v>
      </c>
      <c r="BN60" s="5">
        <v>59868</v>
      </c>
      <c r="BO60" s="5">
        <v>33240</v>
      </c>
      <c r="BP60" s="5">
        <v>6373</v>
      </c>
      <c r="BQ60" s="5">
        <v>10510</v>
      </c>
      <c r="BR60" s="5">
        <v>281872</v>
      </c>
      <c r="BS60" s="5">
        <v>701836</v>
      </c>
      <c r="BT60" s="5">
        <v>119152</v>
      </c>
      <c r="BU60" s="5">
        <v>14566</v>
      </c>
      <c r="BV60" s="5">
        <v>61180</v>
      </c>
      <c r="BW60" s="5">
        <v>70001</v>
      </c>
      <c r="BX60" s="5">
        <v>65201</v>
      </c>
      <c r="BY60" s="5">
        <v>154287</v>
      </c>
      <c r="BZ60" s="5">
        <v>181345</v>
      </c>
      <c r="CA60" s="5">
        <v>61303</v>
      </c>
      <c r="CB60" s="5">
        <v>7506</v>
      </c>
      <c r="CC60" s="5">
        <v>14138</v>
      </c>
      <c r="CD60" s="5">
        <v>-21241</v>
      </c>
      <c r="CE60" s="5">
        <v>26026</v>
      </c>
      <c r="CF60" s="5">
        <v>6288</v>
      </c>
      <c r="CG60" s="5">
        <v>17379</v>
      </c>
      <c r="CH60" s="5">
        <v>27573</v>
      </c>
      <c r="CI60" s="5">
        <v>135889</v>
      </c>
      <c r="CJ60" s="5">
        <v>101916</v>
      </c>
      <c r="CK60" s="5">
        <v>21370</v>
      </c>
      <c r="CL60" s="5">
        <v>106301</v>
      </c>
      <c r="CM60" s="5">
        <v>-16941</v>
      </c>
      <c r="CN60" s="5">
        <v>12106</v>
      </c>
      <c r="CO60" s="5">
        <v>23573</v>
      </c>
      <c r="CP60" s="5">
        <v>-11702</v>
      </c>
      <c r="CQ60" s="5">
        <v>1177216</v>
      </c>
      <c r="CR60" s="5">
        <v>30793</v>
      </c>
      <c r="CS60" s="5">
        <v>5632</v>
      </c>
      <c r="CT60" s="5">
        <v>-5914</v>
      </c>
      <c r="CU60" s="5">
        <v>3427</v>
      </c>
      <c r="CV60" s="5">
        <v>-305</v>
      </c>
      <c r="CW60" s="5">
        <v>8445</v>
      </c>
      <c r="CX60" s="5">
        <v>13109</v>
      </c>
      <c r="CY60" s="5">
        <v>1954</v>
      </c>
      <c r="CZ60" s="5">
        <v>15873</v>
      </c>
      <c r="DA60" s="5">
        <v>6847</v>
      </c>
      <c r="DB60" s="5">
        <v>-361</v>
      </c>
      <c r="DC60" s="5">
        <v>2822</v>
      </c>
      <c r="DD60" s="48">
        <v>82322</v>
      </c>
      <c r="DE60" s="49">
        <v>48014963</v>
      </c>
    </row>
    <row r="61" spans="1:109" ht="10" customHeight="1">
      <c r="A61" s="59" t="s">
        <v>162</v>
      </c>
      <c r="B61" s="60"/>
      <c r="C61" s="61"/>
      <c r="D61" s="6">
        <v>-9538664</v>
      </c>
      <c r="E61" s="6">
        <v>-1496747</v>
      </c>
      <c r="F61" s="6">
        <v>-1064224</v>
      </c>
      <c r="G61" s="6">
        <v>-3096082</v>
      </c>
      <c r="H61" s="6">
        <v>-545568</v>
      </c>
      <c r="I61" s="6">
        <v>-27686</v>
      </c>
      <c r="J61" s="6">
        <v>-3124743</v>
      </c>
      <c r="K61" s="6">
        <v>-238029</v>
      </c>
      <c r="L61" s="6">
        <v>-111284</v>
      </c>
      <c r="M61" s="6">
        <v>-807117</v>
      </c>
      <c r="N61" s="6">
        <v>-1145712</v>
      </c>
      <c r="O61" s="6">
        <v>-1069730</v>
      </c>
      <c r="P61" s="6">
        <v>-747315</v>
      </c>
      <c r="Q61" s="6">
        <v>-614603</v>
      </c>
      <c r="R61" s="6">
        <v>-802027</v>
      </c>
      <c r="S61" s="6">
        <v>-907348</v>
      </c>
      <c r="T61" s="6">
        <v>-1166004</v>
      </c>
      <c r="U61" s="6">
        <v>250714</v>
      </c>
      <c r="V61" s="6">
        <v>-397442</v>
      </c>
      <c r="W61" s="6">
        <v>-295490</v>
      </c>
      <c r="X61" s="6">
        <v>-2362723</v>
      </c>
      <c r="Y61" s="6">
        <v>-384143</v>
      </c>
      <c r="Z61" s="6">
        <v>-421943</v>
      </c>
      <c r="AA61" s="6">
        <v>-357437</v>
      </c>
      <c r="AB61" s="6">
        <v>-118211</v>
      </c>
      <c r="AC61" s="6">
        <v>-892087</v>
      </c>
      <c r="AD61" s="6">
        <v>12229</v>
      </c>
      <c r="AE61" s="6">
        <v>-1154073</v>
      </c>
      <c r="AF61" s="6">
        <v>-167355</v>
      </c>
      <c r="AG61" s="6">
        <v>-426821</v>
      </c>
      <c r="AH61" s="6">
        <v>-539309</v>
      </c>
      <c r="AI61" s="6">
        <v>-895802</v>
      </c>
      <c r="AJ61" s="6">
        <v>-29322</v>
      </c>
      <c r="AK61" s="6">
        <v>-115004</v>
      </c>
      <c r="AL61" s="6">
        <v>-15612</v>
      </c>
      <c r="AM61" s="6">
        <v>-399896</v>
      </c>
      <c r="AN61" s="6">
        <v>-420106</v>
      </c>
      <c r="AO61" s="6">
        <v>-255802</v>
      </c>
      <c r="AP61" s="6">
        <v>52157</v>
      </c>
      <c r="AQ61" s="6">
        <v>-43154</v>
      </c>
      <c r="AR61" s="6">
        <v>94694</v>
      </c>
      <c r="AS61" s="6">
        <v>15661</v>
      </c>
      <c r="AT61" s="6">
        <v>-116309</v>
      </c>
      <c r="AU61" s="6">
        <v>-82149</v>
      </c>
      <c r="AV61" s="6">
        <v>-42430</v>
      </c>
      <c r="AW61" s="6">
        <v>-5962</v>
      </c>
      <c r="AX61" s="6">
        <v>-4010</v>
      </c>
      <c r="AY61" s="6">
        <v>-162169</v>
      </c>
      <c r="AZ61" s="6">
        <v>-154104</v>
      </c>
      <c r="BA61" s="6">
        <v>169033</v>
      </c>
      <c r="BB61" s="6">
        <v>85540</v>
      </c>
      <c r="BC61" s="6">
        <v>-44362</v>
      </c>
      <c r="BD61" s="6">
        <v>-779185</v>
      </c>
      <c r="BE61" s="6">
        <v>175000</v>
      </c>
      <c r="BF61" s="6">
        <v>-36730267</v>
      </c>
      <c r="BG61" s="6">
        <v>-10728</v>
      </c>
      <c r="BH61" s="6">
        <v>0</v>
      </c>
      <c r="BI61" s="6">
        <v>0</v>
      </c>
      <c r="BJ61" s="6">
        <v>-119706</v>
      </c>
      <c r="BK61" s="6">
        <v>-8590</v>
      </c>
      <c r="BL61" s="6">
        <v>8401</v>
      </c>
      <c r="BM61" s="6">
        <v>43003</v>
      </c>
      <c r="BN61" s="6">
        <v>-94648</v>
      </c>
      <c r="BO61" s="6">
        <v>5934</v>
      </c>
      <c r="BP61" s="6">
        <v>-4594</v>
      </c>
      <c r="BQ61" s="6">
        <v>7478</v>
      </c>
      <c r="BR61" s="6">
        <v>-89687</v>
      </c>
      <c r="BS61" s="6">
        <v>-263137</v>
      </c>
      <c r="BT61" s="6">
        <v>-18329</v>
      </c>
      <c r="BU61" s="6">
        <v>-13724</v>
      </c>
      <c r="BV61" s="6">
        <v>313452</v>
      </c>
      <c r="BW61" s="6">
        <v>3213</v>
      </c>
      <c r="BX61" s="6">
        <v>1840</v>
      </c>
      <c r="BY61" s="6">
        <v>-175765</v>
      </c>
      <c r="BZ61" s="6">
        <v>-49344</v>
      </c>
      <c r="CA61" s="6">
        <v>70421</v>
      </c>
      <c r="CB61" s="6">
        <v>-632</v>
      </c>
      <c r="CC61" s="6">
        <v>0</v>
      </c>
      <c r="CD61" s="6">
        <v>0</v>
      </c>
      <c r="CE61" s="6">
        <v>-170</v>
      </c>
      <c r="CF61" s="6">
        <v>10801</v>
      </c>
      <c r="CG61" s="6">
        <v>80</v>
      </c>
      <c r="CH61" s="6">
        <v>32473</v>
      </c>
      <c r="CI61" s="6">
        <v>-68628</v>
      </c>
      <c r="CJ61" s="6">
        <v>-174497</v>
      </c>
      <c r="CK61" s="6">
        <v>21505</v>
      </c>
      <c r="CL61" s="6">
        <v>-27775</v>
      </c>
      <c r="CM61" s="6">
        <v>-654</v>
      </c>
      <c r="CN61" s="6">
        <v>-9150</v>
      </c>
      <c r="CO61" s="6">
        <v>3524</v>
      </c>
      <c r="CP61" s="6">
        <v>3948</v>
      </c>
      <c r="CQ61" s="5">
        <v>-77411</v>
      </c>
      <c r="CR61" s="6">
        <v>-22823</v>
      </c>
      <c r="CS61" s="6">
        <v>3708</v>
      </c>
      <c r="CT61" s="6">
        <v>11398</v>
      </c>
      <c r="CU61" s="6">
        <v>-348</v>
      </c>
      <c r="CV61" s="6">
        <v>1687</v>
      </c>
      <c r="CW61" s="6">
        <v>276</v>
      </c>
      <c r="CX61" s="6">
        <v>-6951</v>
      </c>
      <c r="CY61" s="6">
        <v>-14440</v>
      </c>
      <c r="CZ61" s="6">
        <v>7065</v>
      </c>
      <c r="DA61" s="6">
        <v>-1865</v>
      </c>
      <c r="DB61" s="6">
        <v>-1388</v>
      </c>
      <c r="DC61" s="6">
        <v>-1770</v>
      </c>
      <c r="DD61" s="5">
        <v>-25451</v>
      </c>
      <c r="DE61" s="1">
        <v>-37096266</v>
      </c>
    </row>
    <row r="62" spans="1:109" ht="10" customHeight="1">
      <c r="A62" s="59" t="s">
        <v>216</v>
      </c>
      <c r="B62" s="60"/>
      <c r="C62" s="61"/>
      <c r="D62" s="6">
        <v>-1110732</v>
      </c>
      <c r="E62" s="6">
        <v>-574552</v>
      </c>
      <c r="F62" s="6">
        <v>-197434</v>
      </c>
      <c r="G62" s="6">
        <v>-634225</v>
      </c>
      <c r="H62" s="6">
        <v>-126719</v>
      </c>
      <c r="I62" s="6">
        <v>-287624</v>
      </c>
      <c r="J62" s="6">
        <v>-106088</v>
      </c>
      <c r="K62" s="6">
        <v>-458952</v>
      </c>
      <c r="L62" s="6">
        <v>-390258</v>
      </c>
      <c r="M62" s="6">
        <v>349562</v>
      </c>
      <c r="N62" s="6">
        <v>254820</v>
      </c>
      <c r="O62" s="6">
        <v>-1240826</v>
      </c>
      <c r="P62" s="6">
        <v>-504855</v>
      </c>
      <c r="Q62" s="6">
        <v>-334266</v>
      </c>
      <c r="R62" s="6">
        <v>-481065</v>
      </c>
      <c r="S62" s="6">
        <v>-345493</v>
      </c>
      <c r="T62" s="6">
        <v>567314</v>
      </c>
      <c r="U62" s="6">
        <v>-1607933</v>
      </c>
      <c r="V62" s="6">
        <v>-1463445</v>
      </c>
      <c r="W62" s="6">
        <v>-115612</v>
      </c>
      <c r="X62" s="6">
        <v>2147536</v>
      </c>
      <c r="Y62" s="6">
        <v>-458654</v>
      </c>
      <c r="Z62" s="6">
        <v>237805</v>
      </c>
      <c r="AA62" s="6">
        <v>18806</v>
      </c>
      <c r="AB62" s="6">
        <v>-235583</v>
      </c>
      <c r="AC62" s="6">
        <v>-250630</v>
      </c>
      <c r="AD62" s="6">
        <v>-186517</v>
      </c>
      <c r="AE62" s="6">
        <v>299959</v>
      </c>
      <c r="AF62" s="6">
        <v>-179848</v>
      </c>
      <c r="AG62" s="6">
        <v>-267134</v>
      </c>
      <c r="AH62" s="6">
        <v>6292</v>
      </c>
      <c r="AI62" s="6">
        <v>-202008</v>
      </c>
      <c r="AJ62" s="6">
        <v>-234907</v>
      </c>
      <c r="AK62" s="6">
        <v>125590</v>
      </c>
      <c r="AL62" s="6">
        <v>-154256</v>
      </c>
      <c r="AM62" s="6">
        <v>195661</v>
      </c>
      <c r="AN62" s="6">
        <v>293440</v>
      </c>
      <c r="AO62" s="6">
        <v>-32143</v>
      </c>
      <c r="AP62" s="6">
        <v>-244467</v>
      </c>
      <c r="AQ62" s="6">
        <v>-18854</v>
      </c>
      <c r="AR62" s="6">
        <v>-83563</v>
      </c>
      <c r="AS62" s="6">
        <v>-99913</v>
      </c>
      <c r="AT62" s="6">
        <v>-89634</v>
      </c>
      <c r="AU62" s="6">
        <v>-51523</v>
      </c>
      <c r="AV62" s="6">
        <v>-25896</v>
      </c>
      <c r="AW62" s="6">
        <v>5802</v>
      </c>
      <c r="AX62" s="6">
        <v>-25450</v>
      </c>
      <c r="AY62" s="6">
        <v>102822</v>
      </c>
      <c r="AZ62" s="6">
        <v>82056</v>
      </c>
      <c r="BA62" s="6">
        <v>-290906</v>
      </c>
      <c r="BB62" s="6">
        <v>-258859</v>
      </c>
      <c r="BC62" s="6">
        <v>-185074</v>
      </c>
      <c r="BD62" s="6">
        <v>-479306</v>
      </c>
      <c r="BE62" s="6">
        <v>-89241</v>
      </c>
      <c r="BF62" s="6">
        <v>-9436980</v>
      </c>
      <c r="BG62" s="6">
        <v>-20686</v>
      </c>
      <c r="BH62" s="6">
        <v>0</v>
      </c>
      <c r="BI62" s="6">
        <v>-9926</v>
      </c>
      <c r="BJ62" s="6">
        <v>30074</v>
      </c>
      <c r="BK62" s="6">
        <v>-68826</v>
      </c>
      <c r="BL62" s="6">
        <v>-75722</v>
      </c>
      <c r="BM62" s="6">
        <v>-67853</v>
      </c>
      <c r="BN62" s="6">
        <v>69015</v>
      </c>
      <c r="BO62" s="6">
        <v>-40733</v>
      </c>
      <c r="BP62" s="6">
        <v>-8687</v>
      </c>
      <c r="BQ62" s="6">
        <v>-23110</v>
      </c>
      <c r="BR62" s="6">
        <v>-157498</v>
      </c>
      <c r="BS62" s="6">
        <v>-373952</v>
      </c>
      <c r="BT62" s="6">
        <v>-86957</v>
      </c>
      <c r="BU62" s="6">
        <v>-45674</v>
      </c>
      <c r="BV62" s="6">
        <v>-331214</v>
      </c>
      <c r="BW62" s="6">
        <v>-44291</v>
      </c>
      <c r="BX62" s="6">
        <v>-32119</v>
      </c>
      <c r="BY62" s="6">
        <v>-179968</v>
      </c>
      <c r="BZ62" s="6">
        <v>-125096</v>
      </c>
      <c r="CA62" s="6">
        <v>-80198</v>
      </c>
      <c r="CB62" s="6">
        <v>0</v>
      </c>
      <c r="CC62" s="6">
        <v>-6846</v>
      </c>
      <c r="CD62" s="6">
        <v>-5481</v>
      </c>
      <c r="CE62" s="6">
        <v>-15358</v>
      </c>
      <c r="CF62" s="6">
        <v>-13796</v>
      </c>
      <c r="CG62" s="6">
        <v>0</v>
      </c>
      <c r="CH62" s="6">
        <v>-34879</v>
      </c>
      <c r="CI62" s="6">
        <v>48513</v>
      </c>
      <c r="CJ62" s="6">
        <v>92194</v>
      </c>
      <c r="CK62" s="6">
        <v>-22648</v>
      </c>
      <c r="CL62" s="6">
        <v>27031</v>
      </c>
      <c r="CM62" s="6">
        <v>785</v>
      </c>
      <c r="CN62" s="6">
        <v>-7853</v>
      </c>
      <c r="CO62" s="6">
        <v>-24053</v>
      </c>
      <c r="CP62" s="6">
        <v>-4255</v>
      </c>
      <c r="CQ62" s="5">
        <v>-892163</v>
      </c>
      <c r="CR62" s="6">
        <v>-12660</v>
      </c>
      <c r="CS62" s="6">
        <v>-2600</v>
      </c>
      <c r="CT62" s="6">
        <v>-4173</v>
      </c>
      <c r="CU62" s="6">
        <v>0</v>
      </c>
      <c r="CV62" s="6">
        <v>-396</v>
      </c>
      <c r="CW62" s="6">
        <v>-151</v>
      </c>
      <c r="CX62" s="6">
        <v>11961</v>
      </c>
      <c r="CY62" s="6">
        <v>14139</v>
      </c>
      <c r="CZ62" s="6">
        <v>-23722</v>
      </c>
      <c r="DA62" s="6">
        <v>0</v>
      </c>
      <c r="DB62" s="6">
        <v>2400</v>
      </c>
      <c r="DC62" s="6">
        <v>1892</v>
      </c>
      <c r="DD62" s="5">
        <v>-13310</v>
      </c>
      <c r="DE62" s="1">
        <v>-10716405</v>
      </c>
    </row>
    <row r="63" spans="1:109" ht="10" customHeight="1">
      <c r="A63" s="59" t="s">
        <v>163</v>
      </c>
      <c r="B63" s="60"/>
      <c r="C63" s="61"/>
      <c r="D63" s="6">
        <v>0</v>
      </c>
      <c r="E63" s="6">
        <v>0</v>
      </c>
      <c r="F63" s="6">
        <v>0</v>
      </c>
      <c r="G63" s="6">
        <v>0</v>
      </c>
      <c r="H63" s="6">
        <v>0</v>
      </c>
      <c r="I63" s="6">
        <v>0</v>
      </c>
      <c r="J63" s="6">
        <v>0</v>
      </c>
      <c r="K63" s="6">
        <v>0</v>
      </c>
      <c r="L63" s="6">
        <v>0</v>
      </c>
      <c r="M63" s="6">
        <v>0</v>
      </c>
      <c r="N63" s="6">
        <v>0</v>
      </c>
      <c r="O63" s="6">
        <v>0</v>
      </c>
      <c r="P63" s="6">
        <v>0</v>
      </c>
      <c r="Q63" s="6">
        <v>0</v>
      </c>
      <c r="R63" s="6">
        <v>0</v>
      </c>
      <c r="S63" s="6">
        <v>0</v>
      </c>
      <c r="T63" s="6">
        <v>0</v>
      </c>
      <c r="U63" s="6">
        <v>0</v>
      </c>
      <c r="V63" s="6">
        <v>0</v>
      </c>
      <c r="W63" s="6">
        <v>0</v>
      </c>
      <c r="X63" s="6">
        <v>0</v>
      </c>
      <c r="Y63" s="6">
        <v>0</v>
      </c>
      <c r="Z63" s="6">
        <v>0</v>
      </c>
      <c r="AA63" s="6">
        <v>0</v>
      </c>
      <c r="AB63" s="6">
        <v>0</v>
      </c>
      <c r="AC63" s="6">
        <v>0</v>
      </c>
      <c r="AD63" s="6">
        <v>0</v>
      </c>
      <c r="AE63" s="6">
        <v>0</v>
      </c>
      <c r="AF63" s="6">
        <v>0</v>
      </c>
      <c r="AG63" s="6">
        <v>0</v>
      </c>
      <c r="AH63" s="6">
        <v>0</v>
      </c>
      <c r="AI63" s="6">
        <v>0</v>
      </c>
      <c r="AJ63" s="6">
        <v>0</v>
      </c>
      <c r="AK63" s="6">
        <v>0</v>
      </c>
      <c r="AL63" s="6">
        <v>0</v>
      </c>
      <c r="AM63" s="6">
        <v>0</v>
      </c>
      <c r="AN63" s="6">
        <v>0</v>
      </c>
      <c r="AO63" s="6">
        <v>0</v>
      </c>
      <c r="AP63" s="6">
        <v>0</v>
      </c>
      <c r="AQ63" s="6">
        <v>0</v>
      </c>
      <c r="AR63" s="6">
        <v>0</v>
      </c>
      <c r="AS63" s="6">
        <v>0</v>
      </c>
      <c r="AT63" s="6">
        <v>0</v>
      </c>
      <c r="AU63" s="6">
        <v>0</v>
      </c>
      <c r="AV63" s="6">
        <v>0</v>
      </c>
      <c r="AW63" s="6">
        <v>0</v>
      </c>
      <c r="AX63" s="6">
        <v>0</v>
      </c>
      <c r="AY63" s="6">
        <v>0</v>
      </c>
      <c r="AZ63" s="6">
        <v>0</v>
      </c>
      <c r="BA63" s="6">
        <v>0</v>
      </c>
      <c r="BB63" s="6">
        <v>0</v>
      </c>
      <c r="BC63" s="6">
        <v>0</v>
      </c>
      <c r="BD63" s="6">
        <v>0</v>
      </c>
      <c r="BE63" s="6">
        <v>0</v>
      </c>
      <c r="BF63" s="6">
        <v>0</v>
      </c>
      <c r="BG63" s="6">
        <v>0</v>
      </c>
      <c r="BH63" s="6">
        <v>0</v>
      </c>
      <c r="BI63" s="6">
        <v>0</v>
      </c>
      <c r="BJ63" s="6">
        <v>0</v>
      </c>
      <c r="BK63" s="6">
        <v>0</v>
      </c>
      <c r="BL63" s="6">
        <v>0</v>
      </c>
      <c r="BM63" s="6">
        <v>0</v>
      </c>
      <c r="BN63" s="6">
        <v>0</v>
      </c>
      <c r="BO63" s="6">
        <v>0</v>
      </c>
      <c r="BP63" s="6">
        <v>0</v>
      </c>
      <c r="BQ63" s="6">
        <v>0</v>
      </c>
      <c r="BR63" s="6">
        <v>0</v>
      </c>
      <c r="BS63" s="6">
        <v>0</v>
      </c>
      <c r="BT63" s="6">
        <v>0</v>
      </c>
      <c r="BU63" s="6">
        <v>0</v>
      </c>
      <c r="BV63" s="6">
        <v>0</v>
      </c>
      <c r="BW63" s="6">
        <v>0</v>
      </c>
      <c r="BX63" s="6">
        <v>0</v>
      </c>
      <c r="BY63" s="6">
        <v>0</v>
      </c>
      <c r="BZ63" s="6">
        <v>0</v>
      </c>
      <c r="CA63" s="6">
        <v>0</v>
      </c>
      <c r="CB63" s="6">
        <v>0</v>
      </c>
      <c r="CC63" s="6">
        <v>0</v>
      </c>
      <c r="CD63" s="6">
        <v>0</v>
      </c>
      <c r="CE63" s="6">
        <v>0</v>
      </c>
      <c r="CF63" s="6">
        <v>0</v>
      </c>
      <c r="CG63" s="6">
        <v>0</v>
      </c>
      <c r="CH63" s="6">
        <v>0</v>
      </c>
      <c r="CI63" s="6">
        <v>0</v>
      </c>
      <c r="CJ63" s="6">
        <v>0</v>
      </c>
      <c r="CK63" s="6">
        <v>0</v>
      </c>
      <c r="CL63" s="6">
        <v>0</v>
      </c>
      <c r="CM63" s="6">
        <v>0</v>
      </c>
      <c r="CN63" s="6">
        <v>0</v>
      </c>
      <c r="CO63" s="6">
        <v>0</v>
      </c>
      <c r="CP63" s="6">
        <v>0</v>
      </c>
      <c r="CQ63" s="5">
        <v>0</v>
      </c>
      <c r="CR63" s="6">
        <v>0</v>
      </c>
      <c r="CS63" s="6">
        <v>0</v>
      </c>
      <c r="CT63" s="6">
        <v>0</v>
      </c>
      <c r="CU63" s="6">
        <v>0</v>
      </c>
      <c r="CV63" s="6">
        <v>0</v>
      </c>
      <c r="CW63" s="6">
        <v>0</v>
      </c>
      <c r="CX63" s="6">
        <v>0</v>
      </c>
      <c r="CY63" s="6">
        <v>0</v>
      </c>
      <c r="CZ63" s="6">
        <v>0</v>
      </c>
      <c r="DA63" s="6">
        <v>0</v>
      </c>
      <c r="DB63" s="6">
        <v>0</v>
      </c>
      <c r="DC63" s="6">
        <v>0</v>
      </c>
      <c r="DD63" s="5">
        <v>0</v>
      </c>
      <c r="DE63" s="1">
        <v>0</v>
      </c>
    </row>
    <row r="64" spans="1:109" ht="10" customHeight="1">
      <c r="A64" s="59" t="s">
        <v>164</v>
      </c>
      <c r="B64" s="60"/>
      <c r="C64" s="61"/>
      <c r="D64" s="6">
        <v>778663</v>
      </c>
      <c r="E64" s="6">
        <v>-102597</v>
      </c>
      <c r="F64" s="6">
        <v>41215</v>
      </c>
      <c r="G64" s="6">
        <v>-64871</v>
      </c>
      <c r="H64" s="6">
        <v>-91290</v>
      </c>
      <c r="I64" s="6">
        <v>-16386</v>
      </c>
      <c r="J64" s="6">
        <v>-984885</v>
      </c>
      <c r="K64" s="6">
        <v>-131162</v>
      </c>
      <c r="L64" s="6">
        <v>83103</v>
      </c>
      <c r="M64" s="6">
        <v>-97456</v>
      </c>
      <c r="N64" s="6">
        <v>-832834</v>
      </c>
      <c r="O64" s="6">
        <v>344189</v>
      </c>
      <c r="P64" s="6">
        <v>268112</v>
      </c>
      <c r="Q64" s="6">
        <v>-445904</v>
      </c>
      <c r="R64" s="6">
        <v>-355425</v>
      </c>
      <c r="S64" s="6">
        <v>-176885</v>
      </c>
      <c r="T64" s="6">
        <v>401591</v>
      </c>
      <c r="U64" s="6">
        <v>309987</v>
      </c>
      <c r="V64" s="6">
        <v>368986</v>
      </c>
      <c r="W64" s="6">
        <v>-26758</v>
      </c>
      <c r="X64" s="6">
        <v>-1060437</v>
      </c>
      <c r="Y64" s="6">
        <v>143970</v>
      </c>
      <c r="Z64" s="6">
        <v>243327</v>
      </c>
      <c r="AA64" s="6">
        <v>1459</v>
      </c>
      <c r="AB64" s="6">
        <v>38797</v>
      </c>
      <c r="AC64" s="6">
        <v>63720</v>
      </c>
      <c r="AD64" s="6">
        <v>34109</v>
      </c>
      <c r="AE64" s="6">
        <v>-69530</v>
      </c>
      <c r="AF64" s="6">
        <v>83474</v>
      </c>
      <c r="AG64" s="6">
        <v>-250443</v>
      </c>
      <c r="AH64" s="6">
        <v>13997</v>
      </c>
      <c r="AI64" s="6">
        <v>50490</v>
      </c>
      <c r="AJ64" s="6">
        <v>-35495</v>
      </c>
      <c r="AK64" s="6">
        <v>127188</v>
      </c>
      <c r="AL64" s="6">
        <v>153379</v>
      </c>
      <c r="AM64" s="6">
        <v>202083</v>
      </c>
      <c r="AN64" s="6">
        <v>899192</v>
      </c>
      <c r="AO64" s="6">
        <v>-8643</v>
      </c>
      <c r="AP64" s="6">
        <v>-74096</v>
      </c>
      <c r="AQ64" s="6">
        <v>85520</v>
      </c>
      <c r="AR64" s="6">
        <v>59722</v>
      </c>
      <c r="AS64" s="6">
        <v>32508</v>
      </c>
      <c r="AT64" s="6">
        <v>-55200</v>
      </c>
      <c r="AU64" s="6">
        <v>-46251</v>
      </c>
      <c r="AV64" s="6">
        <v>90263</v>
      </c>
      <c r="AW64" s="6">
        <v>22655</v>
      </c>
      <c r="AX64" s="6">
        <v>8797</v>
      </c>
      <c r="AY64" s="6">
        <v>30401</v>
      </c>
      <c r="AZ64" s="6">
        <v>9356</v>
      </c>
      <c r="BA64" s="6">
        <v>13268</v>
      </c>
      <c r="BB64" s="6">
        <v>-53099</v>
      </c>
      <c r="BC64" s="6">
        <v>-58788</v>
      </c>
      <c r="BD64" s="6">
        <v>-221260</v>
      </c>
      <c r="BE64" s="6">
        <v>142516</v>
      </c>
      <c r="BF64" s="6">
        <v>-113658</v>
      </c>
      <c r="BG64" s="6">
        <v>-5912</v>
      </c>
      <c r="BH64" s="6">
        <v>0</v>
      </c>
      <c r="BI64" s="6">
        <v>2912</v>
      </c>
      <c r="BJ64" s="6">
        <v>20155</v>
      </c>
      <c r="BK64" s="6">
        <v>-10399</v>
      </c>
      <c r="BL64" s="6">
        <v>20218</v>
      </c>
      <c r="BM64" s="6">
        <v>-17560</v>
      </c>
      <c r="BN64" s="6">
        <v>34235</v>
      </c>
      <c r="BO64" s="6">
        <v>-1559</v>
      </c>
      <c r="BP64" s="6">
        <v>-6908</v>
      </c>
      <c r="BQ64" s="6">
        <v>-5122</v>
      </c>
      <c r="BR64" s="6">
        <v>34687</v>
      </c>
      <c r="BS64" s="6">
        <v>64747</v>
      </c>
      <c r="BT64" s="6">
        <v>13866</v>
      </c>
      <c r="BU64" s="6">
        <v>-44832</v>
      </c>
      <c r="BV64" s="6">
        <v>43418</v>
      </c>
      <c r="BW64" s="6">
        <v>28923</v>
      </c>
      <c r="BX64" s="6">
        <v>34922</v>
      </c>
      <c r="BY64" s="6">
        <v>-201446</v>
      </c>
      <c r="BZ64" s="6">
        <v>6905</v>
      </c>
      <c r="CA64" s="6">
        <v>51526</v>
      </c>
      <c r="CB64" s="6">
        <v>6874</v>
      </c>
      <c r="CC64" s="6">
        <v>7292</v>
      </c>
      <c r="CD64" s="6">
        <v>-26722</v>
      </c>
      <c r="CE64" s="6">
        <v>10498</v>
      </c>
      <c r="CF64" s="6">
        <v>3293</v>
      </c>
      <c r="CG64" s="6">
        <v>17459</v>
      </c>
      <c r="CH64" s="6">
        <v>25167</v>
      </c>
      <c r="CI64" s="6">
        <v>115774</v>
      </c>
      <c r="CJ64" s="6">
        <v>19613</v>
      </c>
      <c r="CK64" s="6">
        <v>20227</v>
      </c>
      <c r="CL64" s="6">
        <v>105557</v>
      </c>
      <c r="CM64" s="6">
        <v>-16810</v>
      </c>
      <c r="CN64" s="6">
        <v>-4897</v>
      </c>
      <c r="CO64" s="6">
        <v>3044</v>
      </c>
      <c r="CP64" s="6">
        <v>-12009</v>
      </c>
      <c r="CQ64" s="5">
        <v>207642</v>
      </c>
      <c r="CR64" s="6">
        <v>-4690</v>
      </c>
      <c r="CS64" s="6">
        <v>6740</v>
      </c>
      <c r="CT64" s="6">
        <v>1311</v>
      </c>
      <c r="CU64" s="6">
        <v>3079</v>
      </c>
      <c r="CV64" s="6">
        <v>986</v>
      </c>
      <c r="CW64" s="6">
        <v>8570</v>
      </c>
      <c r="CX64" s="6">
        <v>18119</v>
      </c>
      <c r="CY64" s="6">
        <v>1653</v>
      </c>
      <c r="CZ64" s="6">
        <v>-784</v>
      </c>
      <c r="DA64" s="6">
        <v>4982</v>
      </c>
      <c r="DB64" s="6">
        <v>651</v>
      </c>
      <c r="DC64" s="6">
        <v>2944</v>
      </c>
      <c r="DD64" s="5">
        <v>43561</v>
      </c>
      <c r="DE64" s="1">
        <v>202292</v>
      </c>
    </row>
    <row r="65" spans="1:109" ht="10" customHeight="1">
      <c r="A65" s="59" t="s">
        <v>165</v>
      </c>
      <c r="B65" s="60"/>
      <c r="C65" s="61"/>
      <c r="D65" s="6">
        <v>3887954</v>
      </c>
      <c r="E65" s="6">
        <v>6409720</v>
      </c>
      <c r="F65" s="6">
        <v>756251</v>
      </c>
      <c r="G65" s="6">
        <v>4067818</v>
      </c>
      <c r="H65" s="6">
        <v>284913</v>
      </c>
      <c r="I65" s="6">
        <v>523114</v>
      </c>
      <c r="J65" s="6">
        <v>3627619</v>
      </c>
      <c r="K65" s="6">
        <v>344036</v>
      </c>
      <c r="L65" s="6">
        <v>431753</v>
      </c>
      <c r="M65" s="6">
        <v>1175418</v>
      </c>
      <c r="N65" s="6">
        <v>1026382</v>
      </c>
      <c r="O65" s="6">
        <v>1154061</v>
      </c>
      <c r="P65" s="6">
        <v>3505489</v>
      </c>
      <c r="Q65" s="6">
        <v>892014</v>
      </c>
      <c r="R65" s="6">
        <v>1837262</v>
      </c>
      <c r="S65" s="6">
        <v>1315396</v>
      </c>
      <c r="T65" s="6">
        <v>2510378</v>
      </c>
      <c r="U65" s="6">
        <v>1917387</v>
      </c>
      <c r="V65" s="6">
        <v>1404539</v>
      </c>
      <c r="W65" s="6">
        <v>511424</v>
      </c>
      <c r="X65" s="6">
        <v>3356640</v>
      </c>
      <c r="Y65" s="6">
        <v>1106528</v>
      </c>
      <c r="Z65" s="6">
        <v>1267610</v>
      </c>
      <c r="AA65" s="6">
        <v>1484815</v>
      </c>
      <c r="AB65" s="6">
        <v>756227</v>
      </c>
      <c r="AC65" s="6">
        <v>908026</v>
      </c>
      <c r="AD65" s="6">
        <v>93081</v>
      </c>
      <c r="AE65" s="6">
        <v>746567</v>
      </c>
      <c r="AF65" s="6">
        <v>355074</v>
      </c>
      <c r="AG65" s="6">
        <v>1843749</v>
      </c>
      <c r="AH65" s="6">
        <v>802974</v>
      </c>
      <c r="AI65" s="6">
        <v>1059777</v>
      </c>
      <c r="AJ65" s="6">
        <v>406436</v>
      </c>
      <c r="AK65" s="6">
        <v>316444</v>
      </c>
      <c r="AL65" s="6">
        <v>479875</v>
      </c>
      <c r="AM65" s="6">
        <v>701495</v>
      </c>
      <c r="AN65" s="6">
        <v>2362660</v>
      </c>
      <c r="AO65" s="6">
        <v>204907</v>
      </c>
      <c r="AP65" s="6">
        <v>206229</v>
      </c>
      <c r="AQ65" s="6">
        <v>833706</v>
      </c>
      <c r="AR65" s="6">
        <v>156262</v>
      </c>
      <c r="AS65" s="6">
        <v>116284</v>
      </c>
      <c r="AT65" s="6">
        <v>262548</v>
      </c>
      <c r="AU65" s="6">
        <v>258225</v>
      </c>
      <c r="AV65" s="6">
        <v>240201</v>
      </c>
      <c r="AW65" s="6">
        <v>12255</v>
      </c>
      <c r="AX65" s="6">
        <v>14076</v>
      </c>
      <c r="AY65" s="6">
        <v>214621</v>
      </c>
      <c r="AZ65" s="6">
        <v>53953</v>
      </c>
      <c r="BA65" s="6">
        <v>137838</v>
      </c>
      <c r="BB65" s="6">
        <v>157371</v>
      </c>
      <c r="BC65" s="6">
        <v>148474</v>
      </c>
      <c r="BD65" s="6">
        <v>977447</v>
      </c>
      <c r="BE65" s="6">
        <v>608991</v>
      </c>
      <c r="BF65" s="6">
        <v>60234294</v>
      </c>
      <c r="BG65" s="6">
        <v>74846</v>
      </c>
      <c r="BH65" s="6">
        <v>0</v>
      </c>
      <c r="BI65" s="6">
        <v>77042</v>
      </c>
      <c r="BJ65" s="6">
        <v>118199</v>
      </c>
      <c r="BK65" s="6">
        <v>119082</v>
      </c>
      <c r="BL65" s="6">
        <v>315119</v>
      </c>
      <c r="BM65" s="6">
        <v>141636</v>
      </c>
      <c r="BN65" s="6">
        <v>77176</v>
      </c>
      <c r="BO65" s="6">
        <v>9587</v>
      </c>
      <c r="BP65" s="6">
        <v>30366</v>
      </c>
      <c r="BQ65" s="6">
        <v>14238</v>
      </c>
      <c r="BR65" s="6">
        <v>357683</v>
      </c>
      <c r="BS65" s="6">
        <v>1334974</v>
      </c>
      <c r="BT65" s="6">
        <v>102910</v>
      </c>
      <c r="BU65" s="6">
        <v>53336</v>
      </c>
      <c r="BV65" s="6">
        <v>74188</v>
      </c>
      <c r="BW65" s="6">
        <v>34989</v>
      </c>
      <c r="BX65" s="6">
        <v>40101</v>
      </c>
      <c r="BY65" s="6">
        <v>497619</v>
      </c>
      <c r="BZ65" s="6">
        <v>49289</v>
      </c>
      <c r="CA65" s="6">
        <v>112692</v>
      </c>
      <c r="CB65" s="6">
        <v>4519</v>
      </c>
      <c r="CC65" s="6">
        <v>55685</v>
      </c>
      <c r="CD65" s="6">
        <v>44473</v>
      </c>
      <c r="CE65" s="6">
        <v>14781</v>
      </c>
      <c r="CF65" s="6">
        <v>4278</v>
      </c>
      <c r="CG65" s="6">
        <v>2502</v>
      </c>
      <c r="CH65" s="6">
        <v>55417</v>
      </c>
      <c r="CI65" s="6">
        <v>32363</v>
      </c>
      <c r="CJ65" s="6">
        <v>215891</v>
      </c>
      <c r="CK65" s="6">
        <v>26328</v>
      </c>
      <c r="CL65" s="6">
        <v>59447</v>
      </c>
      <c r="CM65" s="6">
        <v>27223</v>
      </c>
      <c r="CN65" s="6">
        <v>23002</v>
      </c>
      <c r="CO65" s="6">
        <v>20281</v>
      </c>
      <c r="CP65" s="6">
        <v>17172</v>
      </c>
      <c r="CQ65" s="5">
        <v>1568486</v>
      </c>
      <c r="CR65" s="6">
        <v>65234</v>
      </c>
      <c r="CS65" s="6">
        <v>9201</v>
      </c>
      <c r="CT65" s="6">
        <v>1699</v>
      </c>
      <c r="CU65" s="6">
        <v>4125</v>
      </c>
      <c r="CV65" s="6">
        <v>5558</v>
      </c>
      <c r="CW65" s="6">
        <v>11278</v>
      </c>
      <c r="CX65" s="6">
        <v>19703</v>
      </c>
      <c r="CY65" s="6">
        <v>10361</v>
      </c>
      <c r="CZ65" s="6">
        <v>19770</v>
      </c>
      <c r="DA65" s="6">
        <v>7700</v>
      </c>
      <c r="DB65" s="6">
        <v>4739</v>
      </c>
      <c r="DC65" s="6">
        <v>13740</v>
      </c>
      <c r="DD65" s="5">
        <v>173108</v>
      </c>
      <c r="DE65" s="1">
        <v>63310862</v>
      </c>
    </row>
    <row r="66" spans="1:109" ht="10" customHeight="1">
      <c r="A66" s="70" t="s">
        <v>166</v>
      </c>
      <c r="B66" s="66"/>
      <c r="C66" s="71"/>
      <c r="D66" s="7">
        <v>4666617</v>
      </c>
      <c r="E66" s="7">
        <v>6307123</v>
      </c>
      <c r="F66" s="7">
        <v>797466</v>
      </c>
      <c r="G66" s="7">
        <v>4002947</v>
      </c>
      <c r="H66" s="7">
        <v>193623</v>
      </c>
      <c r="I66" s="7">
        <v>506728</v>
      </c>
      <c r="J66" s="7">
        <v>2642734</v>
      </c>
      <c r="K66" s="7">
        <v>212874</v>
      </c>
      <c r="L66" s="7">
        <v>514856</v>
      </c>
      <c r="M66" s="7">
        <v>1077962</v>
      </c>
      <c r="N66" s="7">
        <v>193548</v>
      </c>
      <c r="O66" s="7">
        <v>1498250</v>
      </c>
      <c r="P66" s="7">
        <v>3773601</v>
      </c>
      <c r="Q66" s="7">
        <v>446110</v>
      </c>
      <c r="R66" s="7">
        <v>1481837</v>
      </c>
      <c r="S66" s="7">
        <v>1138511</v>
      </c>
      <c r="T66" s="7">
        <v>2911969</v>
      </c>
      <c r="U66" s="7">
        <v>2227374</v>
      </c>
      <c r="V66" s="7">
        <v>1773525</v>
      </c>
      <c r="W66" s="7">
        <v>484666</v>
      </c>
      <c r="X66" s="7">
        <v>2296203</v>
      </c>
      <c r="Y66" s="7">
        <v>1250498</v>
      </c>
      <c r="Z66" s="7">
        <v>1510937</v>
      </c>
      <c r="AA66" s="7">
        <v>1486274</v>
      </c>
      <c r="AB66" s="7">
        <v>795024</v>
      </c>
      <c r="AC66" s="7">
        <v>971746</v>
      </c>
      <c r="AD66" s="7">
        <v>127190</v>
      </c>
      <c r="AE66" s="7">
        <v>677037</v>
      </c>
      <c r="AF66" s="7">
        <v>438548</v>
      </c>
      <c r="AG66" s="7">
        <v>1593306</v>
      </c>
      <c r="AH66" s="7">
        <v>816971</v>
      </c>
      <c r="AI66" s="7">
        <v>1110267</v>
      </c>
      <c r="AJ66" s="7">
        <v>370941</v>
      </c>
      <c r="AK66" s="7">
        <v>443632</v>
      </c>
      <c r="AL66" s="7">
        <v>633254</v>
      </c>
      <c r="AM66" s="7">
        <v>903578</v>
      </c>
      <c r="AN66" s="7">
        <v>3261852</v>
      </c>
      <c r="AO66" s="7">
        <v>196264</v>
      </c>
      <c r="AP66" s="7">
        <v>132133</v>
      </c>
      <c r="AQ66" s="7">
        <v>919226</v>
      </c>
      <c r="AR66" s="7">
        <v>215984</v>
      </c>
      <c r="AS66" s="7">
        <v>148792</v>
      </c>
      <c r="AT66" s="7">
        <v>207348</v>
      </c>
      <c r="AU66" s="7">
        <v>211974</v>
      </c>
      <c r="AV66" s="7">
        <v>330464</v>
      </c>
      <c r="AW66" s="7">
        <v>34910</v>
      </c>
      <c r="AX66" s="7">
        <v>22873</v>
      </c>
      <c r="AY66" s="7">
        <v>245022</v>
      </c>
      <c r="AZ66" s="7">
        <v>63309</v>
      </c>
      <c r="BA66" s="7">
        <v>151106</v>
      </c>
      <c r="BB66" s="7">
        <v>104272</v>
      </c>
      <c r="BC66" s="7">
        <v>89686</v>
      </c>
      <c r="BD66" s="7">
        <v>756187</v>
      </c>
      <c r="BE66" s="7">
        <v>751507</v>
      </c>
      <c r="BF66" s="7">
        <v>60120636</v>
      </c>
      <c r="BG66" s="7">
        <v>68934</v>
      </c>
      <c r="BH66" s="7">
        <v>0</v>
      </c>
      <c r="BI66" s="7">
        <v>79954</v>
      </c>
      <c r="BJ66" s="7">
        <v>138354</v>
      </c>
      <c r="BK66" s="7">
        <v>108683</v>
      </c>
      <c r="BL66" s="7">
        <v>335337</v>
      </c>
      <c r="BM66" s="7">
        <v>124076</v>
      </c>
      <c r="BN66" s="7">
        <v>111411</v>
      </c>
      <c r="BO66" s="7">
        <v>8028</v>
      </c>
      <c r="BP66" s="7">
        <v>23458</v>
      </c>
      <c r="BQ66" s="7">
        <v>9116</v>
      </c>
      <c r="BR66" s="7">
        <v>392370</v>
      </c>
      <c r="BS66" s="7">
        <v>1399721</v>
      </c>
      <c r="BT66" s="7">
        <v>116776</v>
      </c>
      <c r="BU66" s="7">
        <v>8504</v>
      </c>
      <c r="BV66" s="7">
        <v>117606</v>
      </c>
      <c r="BW66" s="7">
        <v>63912</v>
      </c>
      <c r="BX66" s="7">
        <v>75023</v>
      </c>
      <c r="BY66" s="7">
        <v>296173</v>
      </c>
      <c r="BZ66" s="7">
        <v>56194</v>
      </c>
      <c r="CA66" s="7">
        <v>164218</v>
      </c>
      <c r="CB66" s="7">
        <v>11393</v>
      </c>
      <c r="CC66" s="7">
        <v>62977</v>
      </c>
      <c r="CD66" s="7">
        <v>17751</v>
      </c>
      <c r="CE66" s="7">
        <v>25279</v>
      </c>
      <c r="CF66" s="7">
        <v>7571</v>
      </c>
      <c r="CG66" s="7">
        <v>19961</v>
      </c>
      <c r="CH66" s="7">
        <v>80584</v>
      </c>
      <c r="CI66" s="7">
        <v>148137</v>
      </c>
      <c r="CJ66" s="7">
        <v>235504</v>
      </c>
      <c r="CK66" s="7">
        <v>46555</v>
      </c>
      <c r="CL66" s="7">
        <v>165004</v>
      </c>
      <c r="CM66" s="7">
        <v>10413</v>
      </c>
      <c r="CN66" s="7">
        <v>18105</v>
      </c>
      <c r="CO66" s="7">
        <v>23325</v>
      </c>
      <c r="CP66" s="7">
        <v>5163</v>
      </c>
      <c r="CQ66" s="5">
        <v>1776128</v>
      </c>
      <c r="CR66" s="7">
        <v>60544</v>
      </c>
      <c r="CS66" s="7">
        <v>15941</v>
      </c>
      <c r="CT66" s="7">
        <v>3010</v>
      </c>
      <c r="CU66" s="7">
        <v>7204</v>
      </c>
      <c r="CV66" s="7">
        <v>6544</v>
      </c>
      <c r="CW66" s="7">
        <v>19848</v>
      </c>
      <c r="CX66" s="7">
        <v>37822</v>
      </c>
      <c r="CY66" s="7">
        <v>12014</v>
      </c>
      <c r="CZ66" s="7">
        <v>18986</v>
      </c>
      <c r="DA66" s="7">
        <v>12682</v>
      </c>
      <c r="DB66" s="7">
        <v>5390</v>
      </c>
      <c r="DC66" s="7">
        <v>16684</v>
      </c>
      <c r="DD66" s="5">
        <v>216669</v>
      </c>
      <c r="DE66" s="50">
        <v>63513154</v>
      </c>
    </row>
    <row r="67" spans="1:109" ht="10" customHeight="1">
      <c r="D67" s="72"/>
      <c r="E67" s="72"/>
      <c r="F67" s="72"/>
      <c r="G67" s="72"/>
      <c r="H67" s="72"/>
      <c r="I67" s="72"/>
      <c r="J67" s="72"/>
      <c r="K67" s="72"/>
      <c r="L67" s="72"/>
      <c r="M67" s="72"/>
      <c r="N67" s="72"/>
      <c r="O67" s="72"/>
      <c r="P67" s="72"/>
      <c r="Q67" s="72"/>
      <c r="R67" s="72"/>
      <c r="S67" s="72"/>
      <c r="T67" s="72"/>
      <c r="U67" s="72"/>
      <c r="V67" s="72"/>
      <c r="W67" s="72"/>
      <c r="X67" s="72"/>
      <c r="Y67" s="72"/>
      <c r="Z67" s="72"/>
      <c r="AA67" s="72"/>
      <c r="AB67" s="72"/>
      <c r="AC67" s="72"/>
      <c r="AD67" s="72"/>
      <c r="AE67" s="72"/>
      <c r="AF67" s="72"/>
      <c r="AG67" s="72"/>
      <c r="AH67" s="72"/>
      <c r="AI67" s="72"/>
      <c r="AJ67" s="72"/>
      <c r="AK67" s="72"/>
      <c r="AL67" s="72"/>
      <c r="AM67" s="72"/>
      <c r="AN67" s="72"/>
      <c r="AO67" s="72"/>
      <c r="AP67" s="72"/>
      <c r="AQ67" s="72"/>
      <c r="AR67" s="72"/>
      <c r="AS67" s="72"/>
      <c r="AT67" s="72"/>
      <c r="AU67" s="72"/>
      <c r="AV67" s="72"/>
      <c r="AW67" s="72"/>
      <c r="AX67" s="72"/>
      <c r="AY67" s="72"/>
      <c r="AZ67" s="72"/>
      <c r="BA67" s="72"/>
      <c r="BB67" s="72"/>
      <c r="BC67" s="72"/>
      <c r="BD67" s="72"/>
      <c r="BE67" s="72"/>
      <c r="BF67" s="72"/>
      <c r="BG67" s="72"/>
      <c r="BH67" s="72"/>
      <c r="BI67" s="72"/>
      <c r="BJ67" s="72"/>
      <c r="BK67" s="72"/>
      <c r="BL67" s="72"/>
      <c r="BM67" s="72"/>
      <c r="BN67" s="72"/>
      <c r="BO67" s="72"/>
      <c r="BP67" s="72"/>
      <c r="BQ67" s="72"/>
      <c r="BR67" s="72"/>
      <c r="BS67" s="72"/>
      <c r="BT67" s="72"/>
      <c r="BU67" s="72"/>
      <c r="BV67" s="72"/>
      <c r="BW67" s="72"/>
      <c r="BX67" s="72"/>
      <c r="BY67" s="72"/>
      <c r="BZ67" s="72"/>
      <c r="CA67" s="72"/>
      <c r="CB67" s="72"/>
      <c r="CC67" s="72"/>
      <c r="CD67" s="72"/>
      <c r="CE67" s="72"/>
      <c r="CF67" s="72"/>
      <c r="CG67" s="72"/>
      <c r="CH67" s="72"/>
      <c r="CI67" s="72"/>
      <c r="CJ67" s="72"/>
      <c r="CK67" s="72"/>
      <c r="CL67" s="72"/>
      <c r="CM67" s="72"/>
      <c r="CN67" s="72"/>
      <c r="CO67" s="72"/>
      <c r="CP67" s="72"/>
      <c r="CQ67" s="72"/>
      <c r="CR67" s="72"/>
      <c r="CS67" s="72"/>
      <c r="CT67" s="72"/>
      <c r="CU67" s="72"/>
      <c r="CV67" s="72"/>
      <c r="CW67" s="72"/>
      <c r="CX67" s="72"/>
      <c r="CY67" s="72"/>
      <c r="CZ67" s="72"/>
      <c r="DA67" s="72"/>
      <c r="DB67" s="72"/>
      <c r="DC67" s="72"/>
      <c r="DD67" s="72"/>
      <c r="DE67" s="72"/>
    </row>
  </sheetData>
  <mergeCells count="21">
    <mergeCell ref="A44:C44"/>
    <mergeCell ref="A49:C49"/>
    <mergeCell ref="A45:C45"/>
    <mergeCell ref="A48:C48"/>
    <mergeCell ref="A46:C46"/>
    <mergeCell ref="A47:C47"/>
    <mergeCell ref="B55:C55"/>
    <mergeCell ref="A51:C51"/>
    <mergeCell ref="A50:C50"/>
    <mergeCell ref="B54:C54"/>
    <mergeCell ref="A53:C53"/>
    <mergeCell ref="A52:C52"/>
    <mergeCell ref="A1:C3"/>
    <mergeCell ref="A4:C4"/>
    <mergeCell ref="B5:C5"/>
    <mergeCell ref="B10:C10"/>
    <mergeCell ref="B41:C41"/>
    <mergeCell ref="B19:C19"/>
    <mergeCell ref="A23:C23"/>
    <mergeCell ref="B24:C24"/>
    <mergeCell ref="B35:C35"/>
  </mergeCells>
  <phoneticPr fontId="5"/>
  <conditionalFormatting sqref="D4:DE57 D59:DE66">
    <cfRule type="cellIs" dxfId="3" priority="2" stopIfTrue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firstPageNumber="184" orientation="portrait" useFirstPageNumber="1" r:id="rId1"/>
  <headerFooter scaleWithDoc="0">
    <oddHeader>&amp;L&amp;"ＭＳ ゴシック,標準"Ⅳ　令和６年度地方公営企業事業別決算状況
　４　下水道事業
　　（１）法適用事業（公共・特環・農集・特排）&amp;R&amp;"ＭＳ ゴシック,標準"
&amp;A</oddHeader>
    <oddFooter>&amp;C&amp;"ＭＳ ゴシック,標準"&amp;9&amp;P</oddFooter>
  </headerFooter>
  <colBreaks count="17" manualBreakCount="17">
    <brk id="9" max="65" man="1"/>
    <brk id="15" max="65" man="1"/>
    <brk id="21" max="65" man="1"/>
    <brk id="27" max="65" man="1"/>
    <brk id="33" max="65" man="1"/>
    <brk id="39" max="65" man="1"/>
    <brk id="45" max="65" man="1"/>
    <brk id="51" max="65" man="1"/>
    <brk id="57" max="65" man="1"/>
    <brk id="63" max="65" man="1"/>
    <brk id="69" max="65" man="1"/>
    <brk id="75" max="65" man="1"/>
    <brk id="81" max="65" man="1"/>
    <brk id="87" max="65" man="1"/>
    <brk id="93" max="65" man="1"/>
    <brk id="99" max="65" man="1"/>
    <brk id="105" max="6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8"/>
  <dimension ref="A1:DH75"/>
  <sheetViews>
    <sheetView view="pageBreakPreview" zoomScaleNormal="120" zoomScaleSheetLayoutView="100" workbookViewId="0">
      <selection sqref="A1:F3"/>
    </sheetView>
  </sheetViews>
  <sheetFormatPr defaultColWidth="9.58203125" defaultRowHeight="10" customHeight="1"/>
  <cols>
    <col min="1" max="5" width="1.58203125" style="13" customWidth="1"/>
    <col min="6" max="6" width="11.08203125" style="13" customWidth="1"/>
    <col min="7" max="112" width="9.58203125" style="13" customWidth="1"/>
    <col min="113" max="16384" width="9.58203125" style="13"/>
  </cols>
  <sheetData>
    <row r="1" spans="1:112" ht="10" customHeight="1">
      <c r="A1" s="102" t="s">
        <v>167</v>
      </c>
      <c r="B1" s="177"/>
      <c r="C1" s="177"/>
      <c r="D1" s="177"/>
      <c r="E1" s="177"/>
      <c r="F1" s="178"/>
      <c r="G1" s="8" t="s">
        <v>229</v>
      </c>
      <c r="H1" s="8" t="s">
        <v>230</v>
      </c>
      <c r="I1" s="8" t="s">
        <v>258</v>
      </c>
      <c r="J1" s="8" t="s">
        <v>259</v>
      </c>
      <c r="K1" s="8" t="s">
        <v>260</v>
      </c>
      <c r="L1" s="8" t="s">
        <v>261</v>
      </c>
      <c r="M1" s="8" t="s">
        <v>231</v>
      </c>
      <c r="N1" s="8" t="s">
        <v>262</v>
      </c>
      <c r="O1" s="8" t="s">
        <v>232</v>
      </c>
      <c r="P1" s="8" t="s">
        <v>233</v>
      </c>
      <c r="Q1" s="8" t="s">
        <v>263</v>
      </c>
      <c r="R1" s="8" t="s">
        <v>234</v>
      </c>
      <c r="S1" s="8" t="s">
        <v>235</v>
      </c>
      <c r="T1" s="8" t="s">
        <v>264</v>
      </c>
      <c r="U1" s="8" t="s">
        <v>236</v>
      </c>
      <c r="V1" s="8" t="s">
        <v>237</v>
      </c>
      <c r="W1" s="8" t="s">
        <v>265</v>
      </c>
      <c r="X1" s="8" t="s">
        <v>266</v>
      </c>
      <c r="Y1" s="8" t="s">
        <v>267</v>
      </c>
      <c r="Z1" s="8" t="s">
        <v>268</v>
      </c>
      <c r="AA1" s="8" t="s">
        <v>238</v>
      </c>
      <c r="AB1" s="8" t="s">
        <v>239</v>
      </c>
      <c r="AC1" s="8" t="s">
        <v>269</v>
      </c>
      <c r="AD1" s="8" t="s">
        <v>240</v>
      </c>
      <c r="AE1" s="8" t="s">
        <v>241</v>
      </c>
      <c r="AF1" s="8" t="s">
        <v>270</v>
      </c>
      <c r="AG1" s="8" t="s">
        <v>271</v>
      </c>
      <c r="AH1" s="8" t="s">
        <v>272</v>
      </c>
      <c r="AI1" s="8" t="s">
        <v>318</v>
      </c>
      <c r="AJ1" s="8" t="s">
        <v>273</v>
      </c>
      <c r="AK1" s="8" t="s">
        <v>242</v>
      </c>
      <c r="AL1" s="8" t="s">
        <v>274</v>
      </c>
      <c r="AM1" s="8" t="s">
        <v>275</v>
      </c>
      <c r="AN1" s="8" t="s">
        <v>276</v>
      </c>
      <c r="AO1" s="8" t="s">
        <v>243</v>
      </c>
      <c r="AP1" s="8" t="s">
        <v>277</v>
      </c>
      <c r="AQ1" s="8" t="s">
        <v>245</v>
      </c>
      <c r="AR1" s="8" t="s">
        <v>319</v>
      </c>
      <c r="AS1" s="8" t="s">
        <v>278</v>
      </c>
      <c r="AT1" s="8" t="s">
        <v>279</v>
      </c>
      <c r="AU1" s="8" t="s">
        <v>282</v>
      </c>
      <c r="AV1" s="8" t="s">
        <v>283</v>
      </c>
      <c r="AW1" s="8" t="s">
        <v>284</v>
      </c>
      <c r="AX1" s="8" t="s">
        <v>285</v>
      </c>
      <c r="AY1" s="8" t="s">
        <v>286</v>
      </c>
      <c r="AZ1" s="8" t="s">
        <v>292</v>
      </c>
      <c r="BA1" s="8" t="s">
        <v>293</v>
      </c>
      <c r="BB1" s="8" t="s">
        <v>244</v>
      </c>
      <c r="BC1" s="8" t="s">
        <v>294</v>
      </c>
      <c r="BD1" s="8" t="s">
        <v>295</v>
      </c>
      <c r="BE1" s="8" t="s">
        <v>296</v>
      </c>
      <c r="BF1" s="9" t="s">
        <v>297</v>
      </c>
      <c r="BG1" s="8" t="s">
        <v>332</v>
      </c>
      <c r="BH1" s="10" t="s">
        <v>333</v>
      </c>
      <c r="BI1" s="8" t="s">
        <v>335</v>
      </c>
      <c r="BJ1" s="8" t="s">
        <v>262</v>
      </c>
      <c r="BK1" s="8" t="s">
        <v>234</v>
      </c>
      <c r="BL1" s="8" t="s">
        <v>270</v>
      </c>
      <c r="BM1" s="8" t="s">
        <v>242</v>
      </c>
      <c r="BN1" s="8" t="s">
        <v>275</v>
      </c>
      <c r="BO1" s="8" t="s">
        <v>279</v>
      </c>
      <c r="BP1" s="8" t="s">
        <v>286</v>
      </c>
      <c r="BQ1" s="8" t="s">
        <v>289</v>
      </c>
      <c r="BR1" s="8" t="s">
        <v>293</v>
      </c>
      <c r="BS1" s="8" t="s">
        <v>244</v>
      </c>
      <c r="BT1" s="8" t="s">
        <v>296</v>
      </c>
      <c r="BU1" s="8" t="s">
        <v>334</v>
      </c>
      <c r="BV1" s="8" t="s">
        <v>335</v>
      </c>
      <c r="BW1" s="8" t="s">
        <v>258</v>
      </c>
      <c r="BX1" s="8" t="s">
        <v>261</v>
      </c>
      <c r="BY1" s="8" t="s">
        <v>232</v>
      </c>
      <c r="BZ1" s="8" t="s">
        <v>233</v>
      </c>
      <c r="CA1" s="8" t="s">
        <v>236</v>
      </c>
      <c r="CB1" s="8" t="s">
        <v>237</v>
      </c>
      <c r="CC1" s="8" t="s">
        <v>272</v>
      </c>
      <c r="CD1" s="8" t="s">
        <v>275</v>
      </c>
      <c r="CE1" s="8" t="s">
        <v>276</v>
      </c>
      <c r="CF1" s="8" t="s">
        <v>243</v>
      </c>
      <c r="CG1" s="8" t="s">
        <v>277</v>
      </c>
      <c r="CH1" s="8" t="s">
        <v>319</v>
      </c>
      <c r="CI1" s="8" t="s">
        <v>280</v>
      </c>
      <c r="CJ1" s="8" t="s">
        <v>281</v>
      </c>
      <c r="CK1" s="8" t="s">
        <v>282</v>
      </c>
      <c r="CL1" s="8" t="s">
        <v>284</v>
      </c>
      <c r="CM1" s="8" t="s">
        <v>286</v>
      </c>
      <c r="CN1" s="8" t="s">
        <v>287</v>
      </c>
      <c r="CO1" s="8" t="s">
        <v>292</v>
      </c>
      <c r="CP1" s="8" t="s">
        <v>244</v>
      </c>
      <c r="CQ1" s="8" t="s">
        <v>294</v>
      </c>
      <c r="CR1" s="8" t="s">
        <v>295</v>
      </c>
      <c r="CS1" s="8" t="s">
        <v>297</v>
      </c>
      <c r="CT1" s="8" t="s">
        <v>331</v>
      </c>
      <c r="CU1" s="8" t="s">
        <v>261</v>
      </c>
      <c r="CV1" s="8" t="s">
        <v>282</v>
      </c>
      <c r="CW1" s="8" t="s">
        <v>283</v>
      </c>
      <c r="CX1" s="8" t="s">
        <v>284</v>
      </c>
      <c r="CY1" s="8" t="s">
        <v>286</v>
      </c>
      <c r="CZ1" s="8" t="s">
        <v>287</v>
      </c>
      <c r="DA1" s="8" t="s">
        <v>288</v>
      </c>
      <c r="DB1" s="8" t="s">
        <v>289</v>
      </c>
      <c r="DC1" s="8" t="s">
        <v>290</v>
      </c>
      <c r="DD1" s="8" t="s">
        <v>291</v>
      </c>
      <c r="DE1" s="8" t="s">
        <v>294</v>
      </c>
      <c r="DF1" s="11" t="s">
        <v>334</v>
      </c>
      <c r="DG1" s="8" t="s">
        <v>335</v>
      </c>
      <c r="DH1" s="8" t="s">
        <v>215</v>
      </c>
    </row>
    <row r="2" spans="1:112" ht="10" customHeight="1">
      <c r="A2" s="105"/>
      <c r="B2" s="179"/>
      <c r="C2" s="179"/>
      <c r="D2" s="179"/>
      <c r="E2" s="179"/>
      <c r="F2" s="180"/>
      <c r="G2" s="14"/>
      <c r="H2" s="14"/>
      <c r="I2" s="14"/>
      <c r="J2" s="14"/>
      <c r="K2" s="14"/>
      <c r="L2" s="14"/>
      <c r="M2" s="14"/>
      <c r="N2" s="14"/>
      <c r="O2" s="14"/>
      <c r="P2" s="14"/>
      <c r="Q2" s="14"/>
      <c r="R2" s="14"/>
      <c r="S2" s="14"/>
      <c r="T2" s="14"/>
      <c r="U2" s="14"/>
      <c r="V2" s="14"/>
      <c r="W2" s="14"/>
      <c r="X2" s="14"/>
      <c r="Y2" s="14"/>
      <c r="Z2" s="14"/>
      <c r="AA2" s="14"/>
      <c r="AB2" s="14"/>
      <c r="AC2" s="14"/>
      <c r="AD2" s="14"/>
      <c r="AE2" s="14"/>
      <c r="AF2" s="14"/>
      <c r="AG2" s="14"/>
      <c r="AH2" s="14"/>
      <c r="AI2" s="14"/>
      <c r="AJ2" s="14"/>
      <c r="AK2" s="14"/>
      <c r="AL2" s="14"/>
      <c r="AM2" s="14"/>
      <c r="AN2" s="14"/>
      <c r="AO2" s="14"/>
      <c r="AP2" s="14"/>
      <c r="AQ2" s="14"/>
      <c r="AR2" s="14"/>
      <c r="AS2" s="14"/>
      <c r="AT2" s="14"/>
      <c r="AU2" s="14"/>
      <c r="AV2" s="14"/>
      <c r="AW2" s="14"/>
      <c r="AX2" s="14"/>
      <c r="AY2" s="14"/>
      <c r="AZ2" s="14"/>
      <c r="BA2" s="14"/>
      <c r="BB2" s="14"/>
      <c r="BC2" s="14"/>
      <c r="BD2" s="14"/>
      <c r="BE2" s="14"/>
      <c r="BF2" s="15"/>
      <c r="BG2" s="14" t="s">
        <v>330</v>
      </c>
      <c r="BH2" s="16" t="s">
        <v>315</v>
      </c>
      <c r="BI2" s="14"/>
      <c r="BJ2" s="14"/>
      <c r="BK2" s="14"/>
      <c r="BL2" s="14"/>
      <c r="BM2" s="14"/>
      <c r="BN2" s="14"/>
      <c r="BO2" s="14"/>
      <c r="BP2" s="14"/>
      <c r="BQ2" s="14"/>
      <c r="BR2" s="14"/>
      <c r="BS2" s="14"/>
      <c r="BT2" s="14"/>
      <c r="BU2" s="14" t="s">
        <v>257</v>
      </c>
      <c r="BV2" s="14"/>
      <c r="BW2" s="14"/>
      <c r="BX2" s="14"/>
      <c r="BY2" s="14"/>
      <c r="BZ2" s="14"/>
      <c r="CA2" s="14"/>
      <c r="CB2" s="14"/>
      <c r="CC2" s="14"/>
      <c r="CD2" s="14"/>
      <c r="CE2" s="14"/>
      <c r="CF2" s="14"/>
      <c r="CG2" s="14"/>
      <c r="CH2" s="14"/>
      <c r="CI2" s="14"/>
      <c r="CJ2" s="14"/>
      <c r="CK2" s="14"/>
      <c r="CL2" s="14"/>
      <c r="CM2" s="14"/>
      <c r="CN2" s="14"/>
      <c r="CO2" s="14"/>
      <c r="CP2" s="14"/>
      <c r="CQ2" s="14"/>
      <c r="CR2" s="14"/>
      <c r="CS2" s="14"/>
      <c r="CT2" s="14"/>
      <c r="CU2" s="14"/>
      <c r="CV2" s="14"/>
      <c r="CW2" s="14"/>
      <c r="CX2" s="14"/>
      <c r="CY2" s="14"/>
      <c r="CZ2" s="14"/>
      <c r="DA2" s="14"/>
      <c r="DB2" s="14"/>
      <c r="DC2" s="14"/>
      <c r="DD2" s="14"/>
      <c r="DE2" s="14"/>
      <c r="DF2" s="17" t="s">
        <v>329</v>
      </c>
      <c r="DG2" s="14"/>
      <c r="DH2" s="14"/>
    </row>
    <row r="3" spans="1:112" ht="10" customHeight="1">
      <c r="A3" s="181"/>
      <c r="B3" s="182"/>
      <c r="C3" s="182"/>
      <c r="D3" s="182"/>
      <c r="E3" s="182"/>
      <c r="F3" s="183"/>
      <c r="G3" s="18" t="s">
        <v>46</v>
      </c>
      <c r="H3" s="18" t="s">
        <v>46</v>
      </c>
      <c r="I3" s="18" t="s">
        <v>46</v>
      </c>
      <c r="J3" s="18" t="s">
        <v>46</v>
      </c>
      <c r="K3" s="18" t="s">
        <v>46</v>
      </c>
      <c r="L3" s="18" t="s">
        <v>46</v>
      </c>
      <c r="M3" s="18" t="s">
        <v>46</v>
      </c>
      <c r="N3" s="18" t="s">
        <v>46</v>
      </c>
      <c r="O3" s="18" t="s">
        <v>46</v>
      </c>
      <c r="P3" s="18" t="s">
        <v>46</v>
      </c>
      <c r="Q3" s="18" t="s">
        <v>46</v>
      </c>
      <c r="R3" s="18" t="s">
        <v>46</v>
      </c>
      <c r="S3" s="18" t="s">
        <v>46</v>
      </c>
      <c r="T3" s="18" t="s">
        <v>46</v>
      </c>
      <c r="U3" s="18" t="s">
        <v>46</v>
      </c>
      <c r="V3" s="18" t="s">
        <v>46</v>
      </c>
      <c r="W3" s="18" t="s">
        <v>46</v>
      </c>
      <c r="X3" s="18" t="s">
        <v>46</v>
      </c>
      <c r="Y3" s="18" t="s">
        <v>46</v>
      </c>
      <c r="Z3" s="18" t="s">
        <v>46</v>
      </c>
      <c r="AA3" s="18" t="s">
        <v>46</v>
      </c>
      <c r="AB3" s="18" t="s">
        <v>46</v>
      </c>
      <c r="AC3" s="18" t="s">
        <v>46</v>
      </c>
      <c r="AD3" s="18" t="s">
        <v>46</v>
      </c>
      <c r="AE3" s="18" t="s">
        <v>46</v>
      </c>
      <c r="AF3" s="18" t="s">
        <v>46</v>
      </c>
      <c r="AG3" s="18" t="s">
        <v>46</v>
      </c>
      <c r="AH3" s="18" t="s">
        <v>46</v>
      </c>
      <c r="AI3" s="18" t="s">
        <v>46</v>
      </c>
      <c r="AJ3" s="18" t="s">
        <v>46</v>
      </c>
      <c r="AK3" s="18" t="s">
        <v>46</v>
      </c>
      <c r="AL3" s="18" t="s">
        <v>46</v>
      </c>
      <c r="AM3" s="18" t="s">
        <v>46</v>
      </c>
      <c r="AN3" s="18" t="s">
        <v>46</v>
      </c>
      <c r="AO3" s="18" t="s">
        <v>46</v>
      </c>
      <c r="AP3" s="18" t="s">
        <v>46</v>
      </c>
      <c r="AQ3" s="18" t="s">
        <v>46</v>
      </c>
      <c r="AR3" s="18" t="s">
        <v>46</v>
      </c>
      <c r="AS3" s="18" t="s">
        <v>46</v>
      </c>
      <c r="AT3" s="18" t="s">
        <v>46</v>
      </c>
      <c r="AU3" s="18" t="s">
        <v>325</v>
      </c>
      <c r="AV3" s="18" t="s">
        <v>46</v>
      </c>
      <c r="AW3" s="18" t="s">
        <v>46</v>
      </c>
      <c r="AX3" s="18" t="s">
        <v>46</v>
      </c>
      <c r="AY3" s="18" t="s">
        <v>325</v>
      </c>
      <c r="AZ3" s="18" t="s">
        <v>46</v>
      </c>
      <c r="BA3" s="18" t="s">
        <v>46</v>
      </c>
      <c r="BB3" s="18" t="s">
        <v>46</v>
      </c>
      <c r="BC3" s="18" t="s">
        <v>46</v>
      </c>
      <c r="BD3" s="18" t="s">
        <v>46</v>
      </c>
      <c r="BE3" s="18" t="s">
        <v>46</v>
      </c>
      <c r="BF3" s="18" t="s">
        <v>46</v>
      </c>
      <c r="BG3" s="18" t="s">
        <v>46</v>
      </c>
      <c r="BH3" s="18" t="s">
        <v>46</v>
      </c>
      <c r="BI3" s="18" t="s">
        <v>46</v>
      </c>
      <c r="BJ3" s="18" t="s">
        <v>151</v>
      </c>
      <c r="BK3" s="18" t="s">
        <v>151</v>
      </c>
      <c r="BL3" s="18" t="s">
        <v>151</v>
      </c>
      <c r="BM3" s="18" t="s">
        <v>316</v>
      </c>
      <c r="BN3" s="18" t="s">
        <v>316</v>
      </c>
      <c r="BO3" s="18" t="s">
        <v>324</v>
      </c>
      <c r="BP3" s="18" t="s">
        <v>324</v>
      </c>
      <c r="BQ3" s="18" t="s">
        <v>151</v>
      </c>
      <c r="BR3" s="18" t="s">
        <v>151</v>
      </c>
      <c r="BS3" s="18" t="s">
        <v>151</v>
      </c>
      <c r="BT3" s="18" t="s">
        <v>151</v>
      </c>
      <c r="BU3" s="18" t="s">
        <v>151</v>
      </c>
      <c r="BV3" s="18" t="s">
        <v>157</v>
      </c>
      <c r="BW3" s="18" t="s">
        <v>152</v>
      </c>
      <c r="BX3" s="18" t="s">
        <v>320</v>
      </c>
      <c r="BY3" s="18" t="s">
        <v>152</v>
      </c>
      <c r="BZ3" s="18" t="s">
        <v>152</v>
      </c>
      <c r="CA3" s="18" t="s">
        <v>320</v>
      </c>
      <c r="CB3" s="18" t="s">
        <v>320</v>
      </c>
      <c r="CC3" s="18" t="s">
        <v>320</v>
      </c>
      <c r="CD3" s="18" t="s">
        <v>320</v>
      </c>
      <c r="CE3" s="18" t="s">
        <v>320</v>
      </c>
      <c r="CF3" s="18" t="s">
        <v>320</v>
      </c>
      <c r="CG3" s="18" t="s">
        <v>320</v>
      </c>
      <c r="CH3" s="18" t="s">
        <v>320</v>
      </c>
      <c r="CI3" s="18" t="s">
        <v>320</v>
      </c>
      <c r="CJ3" s="18" t="s">
        <v>320</v>
      </c>
      <c r="CK3" s="18" t="s">
        <v>320</v>
      </c>
      <c r="CL3" s="18" t="s">
        <v>320</v>
      </c>
      <c r="CM3" s="18" t="s">
        <v>320</v>
      </c>
      <c r="CN3" s="18" t="s">
        <v>320</v>
      </c>
      <c r="CO3" s="18" t="s">
        <v>320</v>
      </c>
      <c r="CP3" s="18" t="s">
        <v>320</v>
      </c>
      <c r="CQ3" s="18" t="s">
        <v>320</v>
      </c>
      <c r="CR3" s="18" t="s">
        <v>320</v>
      </c>
      <c r="CS3" s="18" t="s">
        <v>320</v>
      </c>
      <c r="CT3" s="18" t="s">
        <v>152</v>
      </c>
      <c r="CU3" s="18" t="s">
        <v>323</v>
      </c>
      <c r="CV3" s="18" t="s">
        <v>323</v>
      </c>
      <c r="CW3" s="18" t="s">
        <v>323</v>
      </c>
      <c r="CX3" s="18" t="s">
        <v>323</v>
      </c>
      <c r="CY3" s="18" t="s">
        <v>323</v>
      </c>
      <c r="CZ3" s="18" t="s">
        <v>323</v>
      </c>
      <c r="DA3" s="18" t="s">
        <v>323</v>
      </c>
      <c r="DB3" s="18" t="s">
        <v>323</v>
      </c>
      <c r="DC3" s="18" t="s">
        <v>323</v>
      </c>
      <c r="DD3" s="18" t="s">
        <v>323</v>
      </c>
      <c r="DE3" s="18" t="s">
        <v>323</v>
      </c>
      <c r="DF3" s="18" t="s">
        <v>328</v>
      </c>
      <c r="DG3" s="18" t="s">
        <v>323</v>
      </c>
      <c r="DH3" s="18"/>
    </row>
    <row r="4" spans="1:112" ht="10" customHeight="1">
      <c r="A4" s="185" t="s">
        <v>89</v>
      </c>
      <c r="B4" s="184" t="s">
        <v>168</v>
      </c>
      <c r="C4" s="148"/>
      <c r="D4" s="148"/>
      <c r="E4" s="148"/>
      <c r="F4" s="149"/>
      <c r="G4" s="3">
        <v>403186081</v>
      </c>
      <c r="H4" s="3">
        <v>73794783</v>
      </c>
      <c r="I4" s="3">
        <v>44952358</v>
      </c>
      <c r="J4" s="3">
        <v>132594268</v>
      </c>
      <c r="K4" s="3">
        <v>22319801</v>
      </c>
      <c r="L4" s="3">
        <v>9997075</v>
      </c>
      <c r="M4" s="3">
        <v>89463260</v>
      </c>
      <c r="N4" s="3">
        <v>29285301</v>
      </c>
      <c r="O4" s="3">
        <v>23885602</v>
      </c>
      <c r="P4" s="3">
        <v>26095673</v>
      </c>
      <c r="Q4" s="3">
        <v>27513870</v>
      </c>
      <c r="R4" s="3">
        <v>59458511</v>
      </c>
      <c r="S4" s="3">
        <v>46965818</v>
      </c>
      <c r="T4" s="3">
        <v>13465165</v>
      </c>
      <c r="U4" s="3">
        <v>38104985</v>
      </c>
      <c r="V4" s="3">
        <v>44288480</v>
      </c>
      <c r="W4" s="3">
        <v>51499122</v>
      </c>
      <c r="X4" s="3">
        <v>82639034</v>
      </c>
      <c r="Y4" s="3">
        <v>73499454</v>
      </c>
      <c r="Z4" s="3">
        <v>12681018</v>
      </c>
      <c r="AA4" s="3">
        <v>27219962</v>
      </c>
      <c r="AB4" s="3">
        <v>28476799</v>
      </c>
      <c r="AC4" s="3">
        <v>19689887</v>
      </c>
      <c r="AD4" s="3">
        <v>15767095</v>
      </c>
      <c r="AE4" s="3">
        <v>13260337</v>
      </c>
      <c r="AF4" s="3">
        <v>49683380</v>
      </c>
      <c r="AG4" s="3">
        <v>21218588</v>
      </c>
      <c r="AH4" s="3">
        <v>42780843</v>
      </c>
      <c r="AI4" s="3">
        <v>10921801</v>
      </c>
      <c r="AJ4" s="3">
        <v>45964215</v>
      </c>
      <c r="AK4" s="3">
        <v>18822935</v>
      </c>
      <c r="AL4" s="3">
        <v>51194221</v>
      </c>
      <c r="AM4" s="3">
        <v>12399539</v>
      </c>
      <c r="AN4" s="3">
        <v>13315221</v>
      </c>
      <c r="AO4" s="3">
        <v>14875710</v>
      </c>
      <c r="AP4" s="3">
        <v>31056002</v>
      </c>
      <c r="AQ4" s="3">
        <v>15913827</v>
      </c>
      <c r="AR4" s="3">
        <v>14462815</v>
      </c>
      <c r="AS4" s="3">
        <v>13625830</v>
      </c>
      <c r="AT4" s="3">
        <v>4381321</v>
      </c>
      <c r="AU4" s="3">
        <v>4118058</v>
      </c>
      <c r="AV4" s="3">
        <v>4772147</v>
      </c>
      <c r="AW4" s="3">
        <v>8816413</v>
      </c>
      <c r="AX4" s="3">
        <v>10009377</v>
      </c>
      <c r="AY4" s="3">
        <v>3229937</v>
      </c>
      <c r="AZ4" s="3">
        <v>1322440</v>
      </c>
      <c r="BA4" s="3">
        <v>836928</v>
      </c>
      <c r="BB4" s="3">
        <v>4459426</v>
      </c>
      <c r="BC4" s="3">
        <v>6722519</v>
      </c>
      <c r="BD4" s="3">
        <v>15269297</v>
      </c>
      <c r="BE4" s="3">
        <v>11491436</v>
      </c>
      <c r="BF4" s="3">
        <v>7170530</v>
      </c>
      <c r="BG4" s="3">
        <v>64220638</v>
      </c>
      <c r="BH4" s="3">
        <v>23401115</v>
      </c>
      <c r="BI4" s="3">
        <v>1936560248</v>
      </c>
      <c r="BJ4" s="3">
        <v>245472</v>
      </c>
      <c r="BK4" s="3">
        <v>1374</v>
      </c>
      <c r="BL4" s="3">
        <v>525349</v>
      </c>
      <c r="BM4" s="3">
        <v>5479545</v>
      </c>
      <c r="BN4" s="3">
        <v>1882628</v>
      </c>
      <c r="BO4" s="3">
        <v>3050950</v>
      </c>
      <c r="BP4" s="3">
        <v>2322892</v>
      </c>
      <c r="BQ4" s="3">
        <v>2907301</v>
      </c>
      <c r="BR4" s="3">
        <v>1294559</v>
      </c>
      <c r="BS4" s="3">
        <v>549984</v>
      </c>
      <c r="BT4" s="3">
        <v>960067</v>
      </c>
      <c r="BU4" s="3">
        <v>8471969</v>
      </c>
      <c r="BV4" s="3">
        <v>27692090</v>
      </c>
      <c r="BW4" s="3">
        <v>4874700</v>
      </c>
      <c r="BX4" s="3">
        <v>2194636</v>
      </c>
      <c r="BY4" s="3">
        <v>9097126</v>
      </c>
      <c r="BZ4" s="3">
        <v>2590705</v>
      </c>
      <c r="CA4" s="3">
        <v>2020451</v>
      </c>
      <c r="CB4" s="3">
        <v>11432591</v>
      </c>
      <c r="CC4" s="3">
        <v>8322623</v>
      </c>
      <c r="CD4" s="3">
        <v>2609211</v>
      </c>
      <c r="CE4" s="3">
        <v>387172</v>
      </c>
      <c r="CF4" s="3">
        <v>425795</v>
      </c>
      <c r="CG4" s="3">
        <v>628979</v>
      </c>
      <c r="CH4" s="3">
        <v>1113752</v>
      </c>
      <c r="CI4" s="3">
        <v>516449</v>
      </c>
      <c r="CJ4" s="3">
        <v>900328</v>
      </c>
      <c r="CK4" s="3">
        <v>1418316</v>
      </c>
      <c r="CL4" s="3">
        <v>1499931</v>
      </c>
      <c r="CM4" s="3">
        <v>4840597</v>
      </c>
      <c r="CN4" s="3">
        <v>669238</v>
      </c>
      <c r="CO4" s="3">
        <v>4529373</v>
      </c>
      <c r="CP4" s="3">
        <v>194819</v>
      </c>
      <c r="CQ4" s="3">
        <v>2079427</v>
      </c>
      <c r="CR4" s="3">
        <v>748211</v>
      </c>
      <c r="CS4" s="3">
        <v>204608</v>
      </c>
      <c r="CT4" s="3">
        <v>63299038</v>
      </c>
      <c r="CU4" s="3">
        <v>1472449</v>
      </c>
      <c r="CV4" s="3">
        <v>152817</v>
      </c>
      <c r="CW4" s="3">
        <v>784611</v>
      </c>
      <c r="CX4" s="3">
        <v>9965</v>
      </c>
      <c r="CY4" s="3">
        <v>27542</v>
      </c>
      <c r="CZ4" s="3">
        <v>159476</v>
      </c>
      <c r="DA4" s="3">
        <v>859032</v>
      </c>
      <c r="DB4" s="3">
        <v>198241</v>
      </c>
      <c r="DC4" s="3">
        <v>838297</v>
      </c>
      <c r="DD4" s="3">
        <v>255968</v>
      </c>
      <c r="DE4" s="3">
        <v>59000</v>
      </c>
      <c r="DF4" s="3">
        <v>139310</v>
      </c>
      <c r="DG4" s="3">
        <v>4956708</v>
      </c>
      <c r="DH4" s="3">
        <v>2032508084</v>
      </c>
    </row>
    <row r="5" spans="1:112" ht="10" customHeight="1">
      <c r="A5" s="141"/>
      <c r="B5" s="29"/>
      <c r="C5" s="114" t="s">
        <v>169</v>
      </c>
      <c r="D5" s="93"/>
      <c r="E5" s="93"/>
      <c r="F5" s="94"/>
      <c r="G5" s="3">
        <v>389141848</v>
      </c>
      <c r="H5" s="1">
        <v>67588768</v>
      </c>
      <c r="I5" s="1">
        <v>42661769</v>
      </c>
      <c r="J5" s="1">
        <v>123448921</v>
      </c>
      <c r="K5" s="1">
        <v>20549623</v>
      </c>
      <c r="L5" s="1">
        <v>9995255</v>
      </c>
      <c r="M5" s="1">
        <v>85455112</v>
      </c>
      <c r="N5" s="1">
        <v>29281917</v>
      </c>
      <c r="O5" s="1">
        <v>23311494</v>
      </c>
      <c r="P5" s="1">
        <v>23818010</v>
      </c>
      <c r="Q5" s="1">
        <v>27504008</v>
      </c>
      <c r="R5" s="1">
        <v>54718602</v>
      </c>
      <c r="S5" s="1">
        <v>42652320</v>
      </c>
      <c r="T5" s="1">
        <v>13465165</v>
      </c>
      <c r="U5" s="1">
        <v>36076107</v>
      </c>
      <c r="V5" s="1">
        <v>43154851</v>
      </c>
      <c r="W5" s="1">
        <v>48785103</v>
      </c>
      <c r="X5" s="1">
        <v>77207816</v>
      </c>
      <c r="Y5" s="1">
        <v>68130520</v>
      </c>
      <c r="Z5" s="1">
        <v>11855345</v>
      </c>
      <c r="AA5" s="1">
        <v>25694771</v>
      </c>
      <c r="AB5" s="1">
        <v>25907895</v>
      </c>
      <c r="AC5" s="1">
        <v>17815518</v>
      </c>
      <c r="AD5" s="1">
        <v>14585140</v>
      </c>
      <c r="AE5" s="1">
        <v>12861373</v>
      </c>
      <c r="AF5" s="1">
        <v>46186593</v>
      </c>
      <c r="AG5" s="1">
        <v>19723846</v>
      </c>
      <c r="AH5" s="1">
        <v>37853519</v>
      </c>
      <c r="AI5" s="1">
        <v>9911316</v>
      </c>
      <c r="AJ5" s="1">
        <v>43149355</v>
      </c>
      <c r="AK5" s="1">
        <v>17042813</v>
      </c>
      <c r="AL5" s="1">
        <v>48398111</v>
      </c>
      <c r="AM5" s="1">
        <v>11641468</v>
      </c>
      <c r="AN5" s="1">
        <v>12359294</v>
      </c>
      <c r="AO5" s="1">
        <v>14868124</v>
      </c>
      <c r="AP5" s="1">
        <v>30005628</v>
      </c>
      <c r="AQ5" s="1">
        <v>14632119</v>
      </c>
      <c r="AR5" s="1">
        <v>13809778</v>
      </c>
      <c r="AS5" s="1">
        <v>12957206</v>
      </c>
      <c r="AT5" s="1">
        <v>3589070</v>
      </c>
      <c r="AU5" s="1">
        <v>3741442</v>
      </c>
      <c r="AV5" s="1">
        <v>4316354</v>
      </c>
      <c r="AW5" s="1">
        <v>7889969</v>
      </c>
      <c r="AX5" s="1">
        <v>9793430</v>
      </c>
      <c r="AY5" s="1">
        <v>2891633</v>
      </c>
      <c r="AZ5" s="1">
        <v>1061561</v>
      </c>
      <c r="BA5" s="1">
        <v>328672</v>
      </c>
      <c r="BB5" s="1">
        <v>3390560</v>
      </c>
      <c r="BC5" s="1">
        <v>5783331</v>
      </c>
      <c r="BD5" s="1">
        <v>14667120</v>
      </c>
      <c r="BE5" s="1">
        <v>10987099</v>
      </c>
      <c r="BF5" s="1">
        <v>6676158</v>
      </c>
      <c r="BG5" s="1">
        <v>63030315</v>
      </c>
      <c r="BH5" s="1">
        <v>23401115</v>
      </c>
      <c r="BI5" s="1">
        <v>1829754250</v>
      </c>
      <c r="BJ5" s="1">
        <v>245112</v>
      </c>
      <c r="BK5" s="1">
        <v>0</v>
      </c>
      <c r="BL5" s="1">
        <v>525349</v>
      </c>
      <c r="BM5" s="1">
        <v>5186919</v>
      </c>
      <c r="BN5" s="1">
        <v>1882628</v>
      </c>
      <c r="BO5" s="1">
        <v>3050919</v>
      </c>
      <c r="BP5" s="1">
        <v>2322892</v>
      </c>
      <c r="BQ5" s="1">
        <v>2899127</v>
      </c>
      <c r="BR5" s="1">
        <v>1294559</v>
      </c>
      <c r="BS5" s="1">
        <v>549921</v>
      </c>
      <c r="BT5" s="1">
        <v>960067</v>
      </c>
      <c r="BU5" s="1">
        <v>8471969</v>
      </c>
      <c r="BV5" s="3">
        <v>27389462</v>
      </c>
      <c r="BW5" s="1">
        <v>4874700</v>
      </c>
      <c r="BX5" s="1">
        <v>2194636</v>
      </c>
      <c r="BY5" s="1">
        <v>9097107</v>
      </c>
      <c r="BZ5" s="1">
        <v>2555990</v>
      </c>
      <c r="CA5" s="1">
        <v>2020156</v>
      </c>
      <c r="CB5" s="1">
        <v>11074725</v>
      </c>
      <c r="CC5" s="1">
        <v>8322403</v>
      </c>
      <c r="CD5" s="1">
        <v>2606967</v>
      </c>
      <c r="CE5" s="1">
        <v>387172</v>
      </c>
      <c r="CF5" s="1">
        <v>425795</v>
      </c>
      <c r="CG5" s="1">
        <v>625155</v>
      </c>
      <c r="CH5" s="1">
        <v>1112232</v>
      </c>
      <c r="CI5" s="1">
        <v>516449</v>
      </c>
      <c r="CJ5" s="1">
        <v>900328</v>
      </c>
      <c r="CK5" s="1">
        <v>1418316</v>
      </c>
      <c r="CL5" s="1">
        <v>1499931</v>
      </c>
      <c r="CM5" s="1">
        <v>4840597</v>
      </c>
      <c r="CN5" s="1">
        <v>669238</v>
      </c>
      <c r="CO5" s="1">
        <v>4514895</v>
      </c>
      <c r="CP5" s="1">
        <v>194819</v>
      </c>
      <c r="CQ5" s="1">
        <v>2079427</v>
      </c>
      <c r="CR5" s="1">
        <v>748211</v>
      </c>
      <c r="CS5" s="1">
        <v>204608</v>
      </c>
      <c r="CT5" s="3">
        <v>62883857</v>
      </c>
      <c r="CU5" s="1">
        <v>1472449</v>
      </c>
      <c r="CV5" s="1">
        <v>152817</v>
      </c>
      <c r="CW5" s="1">
        <v>784611</v>
      </c>
      <c r="CX5" s="1">
        <v>9965</v>
      </c>
      <c r="CY5" s="1">
        <v>27542</v>
      </c>
      <c r="CZ5" s="1">
        <v>159476</v>
      </c>
      <c r="DA5" s="1">
        <v>859032</v>
      </c>
      <c r="DB5" s="1">
        <v>198241</v>
      </c>
      <c r="DC5" s="1">
        <v>822743</v>
      </c>
      <c r="DD5" s="1">
        <v>255656</v>
      </c>
      <c r="DE5" s="1">
        <v>59000</v>
      </c>
      <c r="DF5" s="1">
        <v>123310</v>
      </c>
      <c r="DG5" s="3">
        <v>4924842</v>
      </c>
      <c r="DH5" s="3">
        <v>1924952411</v>
      </c>
    </row>
    <row r="6" spans="1:112" ht="10" customHeight="1">
      <c r="A6" s="141"/>
      <c r="B6" s="29"/>
      <c r="C6" s="29"/>
      <c r="D6" s="98" t="s">
        <v>170</v>
      </c>
      <c r="E6" s="90"/>
      <c r="F6" s="91"/>
      <c r="G6" s="3">
        <v>5808021</v>
      </c>
      <c r="H6" s="1">
        <v>2900725</v>
      </c>
      <c r="I6" s="1">
        <v>1200384</v>
      </c>
      <c r="J6" s="1">
        <v>3497438</v>
      </c>
      <c r="K6" s="1">
        <v>767117</v>
      </c>
      <c r="L6" s="1">
        <v>428183</v>
      </c>
      <c r="M6" s="1">
        <v>6629174</v>
      </c>
      <c r="N6" s="1">
        <v>4596447</v>
      </c>
      <c r="O6" s="1">
        <v>527152</v>
      </c>
      <c r="P6" s="1">
        <v>24537</v>
      </c>
      <c r="Q6" s="1">
        <v>5240411</v>
      </c>
      <c r="R6" s="1">
        <v>117169</v>
      </c>
      <c r="S6" s="1">
        <v>28160</v>
      </c>
      <c r="T6" s="1">
        <v>1103001</v>
      </c>
      <c r="U6" s="1">
        <v>559704</v>
      </c>
      <c r="V6" s="1">
        <v>2556111</v>
      </c>
      <c r="W6" s="1">
        <v>805977</v>
      </c>
      <c r="X6" s="1">
        <v>70563</v>
      </c>
      <c r="Y6" s="1">
        <v>2104758</v>
      </c>
      <c r="Z6" s="1">
        <v>383225</v>
      </c>
      <c r="AA6" s="1">
        <v>204311</v>
      </c>
      <c r="AB6" s="1">
        <v>51619</v>
      </c>
      <c r="AC6" s="1">
        <v>897473</v>
      </c>
      <c r="AD6" s="1">
        <v>334067</v>
      </c>
      <c r="AE6" s="1">
        <v>1646249</v>
      </c>
      <c r="AF6" s="1">
        <v>37449</v>
      </c>
      <c r="AG6" s="1">
        <v>172231</v>
      </c>
      <c r="AH6" s="1">
        <v>2701659</v>
      </c>
      <c r="AI6" s="1">
        <v>275392</v>
      </c>
      <c r="AJ6" s="1">
        <v>708779</v>
      </c>
      <c r="AK6" s="1">
        <v>346371</v>
      </c>
      <c r="AL6" s="1">
        <v>89625</v>
      </c>
      <c r="AM6" s="1">
        <v>23467</v>
      </c>
      <c r="AN6" s="1">
        <v>457172</v>
      </c>
      <c r="AO6" s="1">
        <v>1463807</v>
      </c>
      <c r="AP6" s="1">
        <v>2120576</v>
      </c>
      <c r="AQ6" s="1">
        <v>775674</v>
      </c>
      <c r="AR6" s="1">
        <v>469538</v>
      </c>
      <c r="AS6" s="1">
        <v>51165</v>
      </c>
      <c r="AT6" s="1">
        <v>129341</v>
      </c>
      <c r="AU6" s="1">
        <v>0</v>
      </c>
      <c r="AV6" s="1">
        <v>0</v>
      </c>
      <c r="AW6" s="1">
        <v>0</v>
      </c>
      <c r="AX6" s="1">
        <v>3217</v>
      </c>
      <c r="AY6" s="1">
        <v>0</v>
      </c>
      <c r="AZ6" s="1">
        <v>0</v>
      </c>
      <c r="BA6" s="1">
        <v>0</v>
      </c>
      <c r="BB6" s="1">
        <v>0</v>
      </c>
      <c r="BC6" s="1">
        <v>53708</v>
      </c>
      <c r="BD6" s="1">
        <v>1360073</v>
      </c>
      <c r="BE6" s="1">
        <v>0</v>
      </c>
      <c r="BF6" s="1">
        <v>20986</v>
      </c>
      <c r="BG6" s="1">
        <v>7313831</v>
      </c>
      <c r="BH6" s="1">
        <v>710139</v>
      </c>
      <c r="BI6" s="1">
        <v>61766176</v>
      </c>
      <c r="BJ6" s="1">
        <v>11442</v>
      </c>
      <c r="BK6" s="1">
        <v>0</v>
      </c>
      <c r="BL6" s="1">
        <v>0</v>
      </c>
      <c r="BM6" s="1">
        <v>989</v>
      </c>
      <c r="BN6" s="1">
        <v>0</v>
      </c>
      <c r="BO6" s="1">
        <v>0</v>
      </c>
      <c r="BP6" s="1">
        <v>0</v>
      </c>
      <c r="BQ6" s="1">
        <v>132525</v>
      </c>
      <c r="BR6" s="1">
        <v>57706</v>
      </c>
      <c r="BS6" s="1">
        <v>0</v>
      </c>
      <c r="BT6" s="1">
        <v>0</v>
      </c>
      <c r="BU6" s="1">
        <v>566709</v>
      </c>
      <c r="BV6" s="3">
        <v>769371</v>
      </c>
      <c r="BW6" s="1">
        <v>168347</v>
      </c>
      <c r="BX6" s="1">
        <v>97344</v>
      </c>
      <c r="BY6" s="1">
        <v>214251</v>
      </c>
      <c r="BZ6" s="1">
        <v>93297</v>
      </c>
      <c r="CA6" s="1">
        <v>48058</v>
      </c>
      <c r="CB6" s="1">
        <v>489918</v>
      </c>
      <c r="CC6" s="1">
        <v>479191</v>
      </c>
      <c r="CD6" s="1">
        <v>152239</v>
      </c>
      <c r="CE6" s="1">
        <v>21691</v>
      </c>
      <c r="CF6" s="1">
        <v>34055</v>
      </c>
      <c r="CG6" s="1">
        <v>56325</v>
      </c>
      <c r="CH6" s="1">
        <v>46007</v>
      </c>
      <c r="CI6" s="1">
        <v>22260</v>
      </c>
      <c r="CJ6" s="1">
        <v>62206</v>
      </c>
      <c r="CK6" s="1">
        <v>36360</v>
      </c>
      <c r="CL6" s="1">
        <v>43690</v>
      </c>
      <c r="CM6" s="1">
        <v>81275</v>
      </c>
      <c r="CN6" s="1">
        <v>14989</v>
      </c>
      <c r="CO6" s="1">
        <v>194252</v>
      </c>
      <c r="CP6" s="1">
        <v>7350</v>
      </c>
      <c r="CQ6" s="1">
        <v>62044</v>
      </c>
      <c r="CR6" s="1">
        <v>22104</v>
      </c>
      <c r="CS6" s="1">
        <v>24171</v>
      </c>
      <c r="CT6" s="3">
        <v>2471424</v>
      </c>
      <c r="CU6" s="1">
        <v>0</v>
      </c>
      <c r="CV6" s="1">
        <v>0</v>
      </c>
      <c r="CW6" s="1">
        <v>0</v>
      </c>
      <c r="CX6" s="1">
        <v>0</v>
      </c>
      <c r="CY6" s="1">
        <v>0</v>
      </c>
      <c r="CZ6" s="1">
        <v>0</v>
      </c>
      <c r="DA6" s="1">
        <v>0</v>
      </c>
      <c r="DB6" s="1">
        <v>0</v>
      </c>
      <c r="DC6" s="1">
        <v>0</v>
      </c>
      <c r="DD6" s="1">
        <v>0</v>
      </c>
      <c r="DE6" s="1">
        <v>0</v>
      </c>
      <c r="DF6" s="1">
        <v>0</v>
      </c>
      <c r="DG6" s="3">
        <v>0</v>
      </c>
      <c r="DH6" s="3">
        <v>65006971</v>
      </c>
    </row>
    <row r="7" spans="1:112" ht="10" customHeight="1">
      <c r="A7" s="141"/>
      <c r="B7" s="29"/>
      <c r="C7" s="29"/>
      <c r="D7" s="98" t="s">
        <v>171</v>
      </c>
      <c r="E7" s="90"/>
      <c r="F7" s="91"/>
      <c r="G7" s="3">
        <v>594680648</v>
      </c>
      <c r="H7" s="1">
        <v>113441586</v>
      </c>
      <c r="I7" s="1">
        <v>52295042</v>
      </c>
      <c r="J7" s="1">
        <v>145776866</v>
      </c>
      <c r="K7" s="1">
        <v>24764719</v>
      </c>
      <c r="L7" s="1">
        <v>23121691</v>
      </c>
      <c r="M7" s="1">
        <v>109502531</v>
      </c>
      <c r="N7" s="1">
        <v>29767905</v>
      </c>
      <c r="O7" s="1">
        <v>45690336</v>
      </c>
      <c r="P7" s="1">
        <v>29859407</v>
      </c>
      <c r="Q7" s="1">
        <v>29178636</v>
      </c>
      <c r="R7" s="1">
        <v>78618208</v>
      </c>
      <c r="S7" s="1">
        <v>67338692</v>
      </c>
      <c r="T7" s="1">
        <v>15402849</v>
      </c>
      <c r="U7" s="1">
        <v>55544319</v>
      </c>
      <c r="V7" s="1">
        <v>77220457</v>
      </c>
      <c r="W7" s="1">
        <v>58277273</v>
      </c>
      <c r="X7" s="1">
        <v>92134956</v>
      </c>
      <c r="Y7" s="1">
        <v>80596578</v>
      </c>
      <c r="Z7" s="1">
        <v>15320170</v>
      </c>
      <c r="AA7" s="1">
        <v>29336575</v>
      </c>
      <c r="AB7" s="1">
        <v>37312281</v>
      </c>
      <c r="AC7" s="1">
        <v>19382402</v>
      </c>
      <c r="AD7" s="1">
        <v>23035021</v>
      </c>
      <c r="AE7" s="1">
        <v>16017376</v>
      </c>
      <c r="AF7" s="1">
        <v>56122925</v>
      </c>
      <c r="AG7" s="1">
        <v>25070553</v>
      </c>
      <c r="AH7" s="1">
        <v>47854915</v>
      </c>
      <c r="AI7" s="1">
        <v>13241212</v>
      </c>
      <c r="AJ7" s="1">
        <v>49250358</v>
      </c>
      <c r="AK7" s="1">
        <v>34629646</v>
      </c>
      <c r="AL7" s="1">
        <v>55555996</v>
      </c>
      <c r="AM7" s="1">
        <v>24556180</v>
      </c>
      <c r="AN7" s="1">
        <v>20532913</v>
      </c>
      <c r="AO7" s="1">
        <v>28549016</v>
      </c>
      <c r="AP7" s="1">
        <v>32424674</v>
      </c>
      <c r="AQ7" s="1">
        <v>18375191</v>
      </c>
      <c r="AR7" s="1">
        <v>15536651</v>
      </c>
      <c r="AS7" s="1">
        <v>15382508</v>
      </c>
      <c r="AT7" s="1">
        <v>4639923</v>
      </c>
      <c r="AU7" s="1">
        <v>6430168</v>
      </c>
      <c r="AV7" s="1">
        <v>5167848</v>
      </c>
      <c r="AW7" s="1">
        <v>9159445</v>
      </c>
      <c r="AX7" s="1">
        <v>11296181</v>
      </c>
      <c r="AY7" s="1">
        <v>2976567</v>
      </c>
      <c r="AZ7" s="1">
        <v>0</v>
      </c>
      <c r="BA7" s="1">
        <v>476656</v>
      </c>
      <c r="BB7" s="1">
        <v>4217488</v>
      </c>
      <c r="BC7" s="1">
        <v>6931095</v>
      </c>
      <c r="BD7" s="1">
        <v>16801301</v>
      </c>
      <c r="BE7" s="1">
        <v>13359362</v>
      </c>
      <c r="BF7" s="1">
        <v>6676158</v>
      </c>
      <c r="BG7" s="1">
        <v>63314392</v>
      </c>
      <c r="BH7" s="1">
        <v>47611397</v>
      </c>
      <c r="BI7" s="1">
        <v>2499757243</v>
      </c>
      <c r="BJ7" s="1">
        <v>307965</v>
      </c>
      <c r="BK7" s="1">
        <v>0</v>
      </c>
      <c r="BL7" s="1">
        <v>655591</v>
      </c>
      <c r="BM7" s="1">
        <v>7816362</v>
      </c>
      <c r="BN7" s="1">
        <v>3158904</v>
      </c>
      <c r="BO7" s="1">
        <v>3826364</v>
      </c>
      <c r="BP7" s="1">
        <v>2386254</v>
      </c>
      <c r="BQ7" s="1">
        <v>3007522</v>
      </c>
      <c r="BR7" s="1">
        <v>1899954</v>
      </c>
      <c r="BS7" s="1">
        <v>702216</v>
      </c>
      <c r="BT7" s="1">
        <v>1167906</v>
      </c>
      <c r="BU7" s="1">
        <v>16752664</v>
      </c>
      <c r="BV7" s="3">
        <v>41681702</v>
      </c>
      <c r="BW7" s="1">
        <v>5198422</v>
      </c>
      <c r="BX7" s="1">
        <v>3817751</v>
      </c>
      <c r="BY7" s="1">
        <v>9289221</v>
      </c>
      <c r="BZ7" s="1">
        <v>2878994</v>
      </c>
      <c r="CA7" s="1">
        <v>2068047</v>
      </c>
      <c r="CB7" s="1">
        <v>15083110</v>
      </c>
      <c r="CC7" s="1">
        <v>9046363</v>
      </c>
      <c r="CD7" s="1">
        <v>5344021</v>
      </c>
      <c r="CE7" s="1">
        <v>664472</v>
      </c>
      <c r="CF7" s="1">
        <v>645766</v>
      </c>
      <c r="CG7" s="1">
        <v>593095</v>
      </c>
      <c r="CH7" s="1">
        <v>1294778</v>
      </c>
      <c r="CI7" s="1">
        <v>1018443</v>
      </c>
      <c r="CJ7" s="1">
        <v>1993005</v>
      </c>
      <c r="CK7" s="1">
        <v>2485768</v>
      </c>
      <c r="CL7" s="1">
        <v>1709775</v>
      </c>
      <c r="CM7" s="1">
        <v>4910066</v>
      </c>
      <c r="CN7" s="1">
        <v>1180651</v>
      </c>
      <c r="CO7" s="1">
        <v>4302203</v>
      </c>
      <c r="CP7" s="1">
        <v>193955</v>
      </c>
      <c r="CQ7" s="1">
        <v>2347312</v>
      </c>
      <c r="CR7" s="1">
        <v>883936</v>
      </c>
      <c r="CS7" s="1">
        <v>180437</v>
      </c>
      <c r="CT7" s="3">
        <v>77129591</v>
      </c>
      <c r="CU7" s="1">
        <v>2607143</v>
      </c>
      <c r="CV7" s="1">
        <v>207080</v>
      </c>
      <c r="CW7" s="1">
        <v>964263</v>
      </c>
      <c r="CX7" s="1">
        <v>10494</v>
      </c>
      <c r="CY7" s="1">
        <v>28659</v>
      </c>
      <c r="CZ7" s="1">
        <v>235175</v>
      </c>
      <c r="DA7" s="1">
        <v>903673</v>
      </c>
      <c r="DB7" s="1">
        <v>215010</v>
      </c>
      <c r="DC7" s="1">
        <v>872192</v>
      </c>
      <c r="DD7" s="1">
        <v>447945</v>
      </c>
      <c r="DE7" s="1">
        <v>69808</v>
      </c>
      <c r="DF7" s="1">
        <v>133559</v>
      </c>
      <c r="DG7" s="3">
        <v>6695001</v>
      </c>
      <c r="DH7" s="3">
        <v>2625263537</v>
      </c>
    </row>
    <row r="8" spans="1:112" ht="10" customHeight="1">
      <c r="A8" s="141"/>
      <c r="B8" s="29"/>
      <c r="C8" s="29"/>
      <c r="D8" s="98" t="s">
        <v>172</v>
      </c>
      <c r="E8" s="90"/>
      <c r="F8" s="91"/>
      <c r="G8" s="3">
        <v>0</v>
      </c>
      <c r="H8" s="1">
        <v>0</v>
      </c>
      <c r="I8" s="1">
        <v>0</v>
      </c>
      <c r="J8" s="1">
        <v>0</v>
      </c>
      <c r="K8" s="1">
        <v>0</v>
      </c>
      <c r="L8" s="1">
        <v>0</v>
      </c>
      <c r="M8" s="1">
        <v>98562</v>
      </c>
      <c r="N8" s="1">
        <v>0</v>
      </c>
      <c r="O8" s="1">
        <v>0</v>
      </c>
      <c r="P8" s="1">
        <v>0</v>
      </c>
      <c r="Q8" s="1">
        <v>0</v>
      </c>
      <c r="R8" s="1">
        <v>0</v>
      </c>
      <c r="S8" s="1">
        <v>0</v>
      </c>
      <c r="T8" s="1">
        <v>0</v>
      </c>
      <c r="U8" s="1">
        <v>0</v>
      </c>
      <c r="V8" s="1">
        <v>0</v>
      </c>
      <c r="W8" s="1">
        <v>0</v>
      </c>
      <c r="X8" s="1">
        <v>0</v>
      </c>
      <c r="Y8" s="1">
        <v>0</v>
      </c>
      <c r="Z8" s="1">
        <v>0</v>
      </c>
      <c r="AA8" s="1">
        <v>0</v>
      </c>
      <c r="AB8" s="1">
        <v>0</v>
      </c>
      <c r="AC8" s="1">
        <v>0</v>
      </c>
      <c r="AD8" s="1">
        <v>0</v>
      </c>
      <c r="AE8" s="1">
        <v>0</v>
      </c>
      <c r="AF8" s="1">
        <v>0</v>
      </c>
      <c r="AG8" s="1">
        <v>0</v>
      </c>
      <c r="AH8" s="1">
        <v>0</v>
      </c>
      <c r="AI8" s="1">
        <v>0</v>
      </c>
      <c r="AJ8" s="1">
        <v>0</v>
      </c>
      <c r="AK8" s="1">
        <v>0</v>
      </c>
      <c r="AL8" s="1">
        <v>0</v>
      </c>
      <c r="AM8" s="1">
        <v>0</v>
      </c>
      <c r="AN8" s="1">
        <v>0</v>
      </c>
      <c r="AO8" s="1">
        <v>0</v>
      </c>
      <c r="AP8" s="1">
        <v>0</v>
      </c>
      <c r="AQ8" s="1">
        <v>0</v>
      </c>
      <c r="AR8" s="1">
        <v>0</v>
      </c>
      <c r="AS8" s="1">
        <v>4371</v>
      </c>
      <c r="AT8" s="1">
        <v>0</v>
      </c>
      <c r="AU8" s="1">
        <v>0</v>
      </c>
      <c r="AV8" s="1">
        <v>0</v>
      </c>
      <c r="AW8" s="1">
        <v>0</v>
      </c>
      <c r="AX8" s="1">
        <v>11698</v>
      </c>
      <c r="AY8" s="1">
        <v>0</v>
      </c>
      <c r="AZ8" s="1">
        <v>0</v>
      </c>
      <c r="BA8" s="1">
        <v>0</v>
      </c>
      <c r="BB8" s="1">
        <v>0</v>
      </c>
      <c r="BC8" s="1">
        <v>0</v>
      </c>
      <c r="BD8" s="1">
        <v>0</v>
      </c>
      <c r="BE8" s="1">
        <v>0</v>
      </c>
      <c r="BF8" s="1">
        <v>0</v>
      </c>
      <c r="BG8" s="1">
        <v>0</v>
      </c>
      <c r="BH8" s="1">
        <v>4674</v>
      </c>
      <c r="BI8" s="1">
        <v>119305</v>
      </c>
      <c r="BJ8" s="1">
        <v>0</v>
      </c>
      <c r="BK8" s="1">
        <v>0</v>
      </c>
      <c r="BL8" s="1">
        <v>0</v>
      </c>
      <c r="BM8" s="1">
        <v>0</v>
      </c>
      <c r="BN8" s="1">
        <v>0</v>
      </c>
      <c r="BO8" s="1">
        <v>0</v>
      </c>
      <c r="BP8" s="1">
        <v>0</v>
      </c>
      <c r="BQ8" s="1">
        <v>0</v>
      </c>
      <c r="BR8" s="1">
        <v>0</v>
      </c>
      <c r="BS8" s="1">
        <v>0</v>
      </c>
      <c r="BT8" s="1">
        <v>0</v>
      </c>
      <c r="BU8" s="1">
        <v>0</v>
      </c>
      <c r="BV8" s="3">
        <v>0</v>
      </c>
      <c r="BW8" s="1">
        <v>0</v>
      </c>
      <c r="BX8" s="1">
        <v>0</v>
      </c>
      <c r="BY8" s="1">
        <v>0</v>
      </c>
      <c r="BZ8" s="1">
        <v>0</v>
      </c>
      <c r="CA8" s="1">
        <v>0</v>
      </c>
      <c r="CB8" s="1">
        <v>0</v>
      </c>
      <c r="CC8" s="1">
        <v>0</v>
      </c>
      <c r="CD8" s="1">
        <v>0</v>
      </c>
      <c r="CE8" s="1">
        <v>0</v>
      </c>
      <c r="CF8" s="1">
        <v>0</v>
      </c>
      <c r="CG8" s="1">
        <v>0</v>
      </c>
      <c r="CH8" s="1">
        <v>0</v>
      </c>
      <c r="CI8" s="1">
        <v>0</v>
      </c>
      <c r="CJ8" s="1">
        <v>0</v>
      </c>
      <c r="CK8" s="1">
        <v>0</v>
      </c>
      <c r="CL8" s="1">
        <v>0</v>
      </c>
      <c r="CM8" s="1">
        <v>0</v>
      </c>
      <c r="CN8" s="1">
        <v>0</v>
      </c>
      <c r="CO8" s="1">
        <v>0</v>
      </c>
      <c r="CP8" s="1">
        <v>0</v>
      </c>
      <c r="CQ8" s="1">
        <v>0</v>
      </c>
      <c r="CR8" s="1">
        <v>0</v>
      </c>
      <c r="CS8" s="1">
        <v>0</v>
      </c>
      <c r="CT8" s="3">
        <v>0</v>
      </c>
      <c r="CU8" s="1">
        <v>0</v>
      </c>
      <c r="CV8" s="1">
        <v>0</v>
      </c>
      <c r="CW8" s="1">
        <v>0</v>
      </c>
      <c r="CX8" s="1">
        <v>0</v>
      </c>
      <c r="CY8" s="1">
        <v>0</v>
      </c>
      <c r="CZ8" s="1">
        <v>0</v>
      </c>
      <c r="DA8" s="1">
        <v>0</v>
      </c>
      <c r="DB8" s="1">
        <v>0</v>
      </c>
      <c r="DC8" s="1">
        <v>0</v>
      </c>
      <c r="DD8" s="1">
        <v>0</v>
      </c>
      <c r="DE8" s="1">
        <v>0</v>
      </c>
      <c r="DF8" s="1">
        <v>0</v>
      </c>
      <c r="DG8" s="3">
        <v>0</v>
      </c>
      <c r="DH8" s="3">
        <v>119305</v>
      </c>
    </row>
    <row r="9" spans="1:112" ht="10" customHeight="1">
      <c r="A9" s="141"/>
      <c r="B9" s="29"/>
      <c r="C9" s="29"/>
      <c r="D9" s="98" t="s">
        <v>300</v>
      </c>
      <c r="E9" s="90"/>
      <c r="F9" s="91"/>
      <c r="G9" s="73">
        <v>211577149</v>
      </c>
      <c r="H9" s="2">
        <v>50207174</v>
      </c>
      <c r="I9" s="2">
        <v>10936958</v>
      </c>
      <c r="J9" s="2">
        <v>26601351</v>
      </c>
      <c r="K9" s="2">
        <v>5141296</v>
      </c>
      <c r="L9" s="2">
        <v>13607722</v>
      </c>
      <c r="M9" s="2">
        <v>32009328</v>
      </c>
      <c r="N9" s="2">
        <v>5627286</v>
      </c>
      <c r="O9" s="2">
        <v>22905994</v>
      </c>
      <c r="P9" s="2">
        <v>6784179</v>
      </c>
      <c r="Q9" s="2">
        <v>7114247</v>
      </c>
      <c r="R9" s="2">
        <v>24622357</v>
      </c>
      <c r="S9" s="2">
        <v>24867166</v>
      </c>
      <c r="T9" s="2">
        <v>3055689</v>
      </c>
      <c r="U9" s="2">
        <v>20030742</v>
      </c>
      <c r="V9" s="2">
        <v>36728348</v>
      </c>
      <c r="W9" s="2">
        <v>10564212</v>
      </c>
      <c r="X9" s="2">
        <v>15105625</v>
      </c>
      <c r="Y9" s="2">
        <v>14985953</v>
      </c>
      <c r="Z9" s="2">
        <v>3884803</v>
      </c>
      <c r="AA9" s="2">
        <v>11283086</v>
      </c>
      <c r="AB9" s="2">
        <v>11628458</v>
      </c>
      <c r="AC9" s="2">
        <v>3937838</v>
      </c>
      <c r="AD9" s="2">
        <v>8856748</v>
      </c>
      <c r="AE9" s="2">
        <v>4812721</v>
      </c>
      <c r="AF9" s="2">
        <v>9973781</v>
      </c>
      <c r="AG9" s="2">
        <v>5563260</v>
      </c>
      <c r="AH9" s="2">
        <v>12905225</v>
      </c>
      <c r="AI9" s="2">
        <v>3605288</v>
      </c>
      <c r="AJ9" s="2">
        <v>6887056</v>
      </c>
      <c r="AK9" s="2">
        <v>18084513</v>
      </c>
      <c r="AL9" s="2">
        <v>7577191</v>
      </c>
      <c r="AM9" s="2">
        <v>12938179</v>
      </c>
      <c r="AN9" s="2">
        <v>8630791</v>
      </c>
      <c r="AO9" s="2">
        <v>15196548</v>
      </c>
      <c r="AP9" s="2">
        <v>4781044</v>
      </c>
      <c r="AQ9" s="2">
        <v>5561469</v>
      </c>
      <c r="AR9" s="2">
        <v>2484307</v>
      </c>
      <c r="AS9" s="2">
        <v>2493981</v>
      </c>
      <c r="AT9" s="2">
        <v>1180194</v>
      </c>
      <c r="AU9" s="2">
        <v>2688726</v>
      </c>
      <c r="AV9" s="2">
        <v>856994</v>
      </c>
      <c r="AW9" s="2">
        <v>1269476</v>
      </c>
      <c r="AX9" s="2">
        <v>1505968</v>
      </c>
      <c r="AY9" s="2">
        <v>125975</v>
      </c>
      <c r="AZ9" s="2">
        <v>0</v>
      </c>
      <c r="BA9" s="2">
        <v>147984</v>
      </c>
      <c r="BB9" s="2">
        <v>921475</v>
      </c>
      <c r="BC9" s="2">
        <v>1246173</v>
      </c>
      <c r="BD9" s="2">
        <v>3523017</v>
      </c>
      <c r="BE9" s="2">
        <v>2377404</v>
      </c>
      <c r="BF9" s="2">
        <v>1446606</v>
      </c>
      <c r="BG9" s="2">
        <v>10985814</v>
      </c>
      <c r="BH9" s="2">
        <v>24980816</v>
      </c>
      <c r="BI9" s="2">
        <v>756815685</v>
      </c>
      <c r="BJ9" s="2">
        <v>74295</v>
      </c>
      <c r="BK9" s="2">
        <v>0</v>
      </c>
      <c r="BL9" s="2">
        <v>130242</v>
      </c>
      <c r="BM9" s="2">
        <v>2634049</v>
      </c>
      <c r="BN9" s="2">
        <v>1276276</v>
      </c>
      <c r="BO9" s="2">
        <v>775445</v>
      </c>
      <c r="BP9" s="2">
        <v>63362</v>
      </c>
      <c r="BQ9" s="2">
        <v>274445</v>
      </c>
      <c r="BR9" s="2">
        <v>663101</v>
      </c>
      <c r="BS9" s="2">
        <v>153215</v>
      </c>
      <c r="BT9" s="2">
        <v>207839</v>
      </c>
      <c r="BU9" s="2">
        <v>8859939</v>
      </c>
      <c r="BV9" s="73">
        <v>15112208</v>
      </c>
      <c r="BW9" s="2">
        <v>524859</v>
      </c>
      <c r="BX9" s="2">
        <v>1720459</v>
      </c>
      <c r="BY9" s="2">
        <v>406366</v>
      </c>
      <c r="BZ9" s="2">
        <v>416301</v>
      </c>
      <c r="CA9" s="2">
        <v>95949</v>
      </c>
      <c r="CB9" s="2">
        <v>4512397</v>
      </c>
      <c r="CC9" s="2">
        <v>1203151</v>
      </c>
      <c r="CD9" s="2">
        <v>2889293</v>
      </c>
      <c r="CE9" s="2">
        <v>298991</v>
      </c>
      <c r="CF9" s="2">
        <v>261046</v>
      </c>
      <c r="CG9" s="2">
        <v>24265</v>
      </c>
      <c r="CH9" s="2">
        <v>228553</v>
      </c>
      <c r="CI9" s="2">
        <v>524254</v>
      </c>
      <c r="CJ9" s="2">
        <v>1154883</v>
      </c>
      <c r="CK9" s="2">
        <v>1103812</v>
      </c>
      <c r="CL9" s="2">
        <v>257144</v>
      </c>
      <c r="CM9" s="2">
        <v>170155</v>
      </c>
      <c r="CN9" s="2">
        <v>526402</v>
      </c>
      <c r="CO9" s="2">
        <v>290437</v>
      </c>
      <c r="CP9" s="2">
        <v>6486</v>
      </c>
      <c r="CQ9" s="2">
        <v>329929</v>
      </c>
      <c r="CR9" s="2">
        <v>157829</v>
      </c>
      <c r="CS9" s="2">
        <v>5998</v>
      </c>
      <c r="CT9" s="73">
        <v>17108959</v>
      </c>
      <c r="CU9" s="2">
        <v>1134694</v>
      </c>
      <c r="CV9" s="2">
        <v>54263</v>
      </c>
      <c r="CW9" s="2">
        <v>179652</v>
      </c>
      <c r="CX9" s="2">
        <v>529</v>
      </c>
      <c r="CY9" s="2">
        <v>1117</v>
      </c>
      <c r="CZ9" s="2">
        <v>75699</v>
      </c>
      <c r="DA9" s="2">
        <v>50652</v>
      </c>
      <c r="DB9" s="2">
        <v>16769</v>
      </c>
      <c r="DC9" s="2">
        <v>49449</v>
      </c>
      <c r="DD9" s="2">
        <v>192289</v>
      </c>
      <c r="DE9" s="2">
        <v>10808</v>
      </c>
      <c r="DF9" s="2">
        <v>10249</v>
      </c>
      <c r="DG9" s="73">
        <v>1776170</v>
      </c>
      <c r="DH9" s="73">
        <v>790813022</v>
      </c>
    </row>
    <row r="10" spans="1:112" ht="10" customHeight="1">
      <c r="A10" s="141"/>
      <c r="B10" s="29"/>
      <c r="C10" s="29"/>
      <c r="D10" s="173" t="s">
        <v>301</v>
      </c>
      <c r="E10" s="175"/>
      <c r="F10" s="176"/>
      <c r="G10" s="73">
        <v>0</v>
      </c>
      <c r="H10" s="2">
        <v>0</v>
      </c>
      <c r="I10" s="2">
        <v>0</v>
      </c>
      <c r="J10" s="2">
        <v>0</v>
      </c>
      <c r="K10" s="2">
        <v>0</v>
      </c>
      <c r="L10" s="2">
        <v>0</v>
      </c>
      <c r="M10" s="2">
        <v>26399</v>
      </c>
      <c r="N10" s="2">
        <v>0</v>
      </c>
      <c r="O10" s="2">
        <v>0</v>
      </c>
      <c r="P10" s="2">
        <v>0</v>
      </c>
      <c r="Q10" s="2">
        <v>0</v>
      </c>
      <c r="R10" s="2">
        <v>0</v>
      </c>
      <c r="S10" s="2">
        <v>0</v>
      </c>
      <c r="T10" s="2">
        <v>0</v>
      </c>
      <c r="U10" s="2">
        <v>0</v>
      </c>
      <c r="V10" s="2">
        <v>0</v>
      </c>
      <c r="W10" s="2">
        <v>0</v>
      </c>
      <c r="X10" s="2">
        <v>0</v>
      </c>
      <c r="Y10" s="2">
        <v>0</v>
      </c>
      <c r="Z10" s="2">
        <v>0</v>
      </c>
      <c r="AA10" s="2">
        <v>0</v>
      </c>
      <c r="AB10" s="2">
        <v>0</v>
      </c>
      <c r="AC10" s="2">
        <v>0</v>
      </c>
      <c r="AD10" s="2">
        <v>0</v>
      </c>
      <c r="AE10" s="2">
        <v>0</v>
      </c>
      <c r="AF10" s="2">
        <v>0</v>
      </c>
      <c r="AG10" s="2">
        <v>0</v>
      </c>
      <c r="AH10" s="2">
        <v>0</v>
      </c>
      <c r="AI10" s="2">
        <v>0</v>
      </c>
      <c r="AJ10" s="2">
        <v>0</v>
      </c>
      <c r="AK10" s="2">
        <v>0</v>
      </c>
      <c r="AL10" s="2">
        <v>0</v>
      </c>
      <c r="AM10" s="2">
        <v>0</v>
      </c>
      <c r="AN10" s="2">
        <v>0</v>
      </c>
      <c r="AO10" s="2">
        <v>0</v>
      </c>
      <c r="AP10" s="2">
        <v>0</v>
      </c>
      <c r="AQ10" s="2">
        <v>0</v>
      </c>
      <c r="AR10" s="2">
        <v>0</v>
      </c>
      <c r="AS10" s="2">
        <v>3147</v>
      </c>
      <c r="AT10" s="2">
        <v>0</v>
      </c>
      <c r="AU10" s="2">
        <v>0</v>
      </c>
      <c r="AV10" s="2">
        <v>0</v>
      </c>
      <c r="AW10" s="2">
        <v>0</v>
      </c>
      <c r="AX10" s="2">
        <v>8738</v>
      </c>
      <c r="AY10" s="2">
        <v>0</v>
      </c>
      <c r="AZ10" s="2">
        <v>0</v>
      </c>
      <c r="BA10" s="2">
        <v>0</v>
      </c>
      <c r="BB10" s="2">
        <v>0</v>
      </c>
      <c r="BC10" s="2">
        <v>0</v>
      </c>
      <c r="BD10" s="2">
        <v>0</v>
      </c>
      <c r="BE10" s="2">
        <v>0</v>
      </c>
      <c r="BF10" s="2">
        <v>0</v>
      </c>
      <c r="BG10" s="2">
        <v>0</v>
      </c>
      <c r="BH10" s="2">
        <v>4440</v>
      </c>
      <c r="BI10" s="2">
        <v>42724</v>
      </c>
      <c r="BJ10" s="2">
        <v>0</v>
      </c>
      <c r="BK10" s="2">
        <v>0</v>
      </c>
      <c r="BL10" s="2">
        <v>0</v>
      </c>
      <c r="BM10" s="2">
        <v>0</v>
      </c>
      <c r="BN10" s="2">
        <v>0</v>
      </c>
      <c r="BO10" s="2">
        <v>0</v>
      </c>
      <c r="BP10" s="2">
        <v>0</v>
      </c>
      <c r="BQ10" s="2">
        <v>0</v>
      </c>
      <c r="BR10" s="2">
        <v>0</v>
      </c>
      <c r="BS10" s="2">
        <v>0</v>
      </c>
      <c r="BT10" s="2">
        <v>0</v>
      </c>
      <c r="BU10" s="2">
        <v>0</v>
      </c>
      <c r="BV10" s="3">
        <v>0</v>
      </c>
      <c r="BW10" s="2">
        <v>0</v>
      </c>
      <c r="BX10" s="2">
        <v>0</v>
      </c>
      <c r="BY10" s="2">
        <v>0</v>
      </c>
      <c r="BZ10" s="2">
        <v>0</v>
      </c>
      <c r="CA10" s="2">
        <v>0</v>
      </c>
      <c r="CB10" s="2">
        <v>0</v>
      </c>
      <c r="CC10" s="2">
        <v>0</v>
      </c>
      <c r="CD10" s="2">
        <v>0</v>
      </c>
      <c r="CE10" s="2">
        <v>0</v>
      </c>
      <c r="CF10" s="2">
        <v>0</v>
      </c>
      <c r="CG10" s="2">
        <v>0</v>
      </c>
      <c r="CH10" s="2">
        <v>0</v>
      </c>
      <c r="CI10" s="2">
        <v>0</v>
      </c>
      <c r="CJ10" s="2">
        <v>0</v>
      </c>
      <c r="CK10" s="2">
        <v>0</v>
      </c>
      <c r="CL10" s="2">
        <v>0</v>
      </c>
      <c r="CM10" s="2">
        <v>0</v>
      </c>
      <c r="CN10" s="2">
        <v>0</v>
      </c>
      <c r="CO10" s="2">
        <v>0</v>
      </c>
      <c r="CP10" s="2">
        <v>0</v>
      </c>
      <c r="CQ10" s="2">
        <v>0</v>
      </c>
      <c r="CR10" s="2">
        <v>0</v>
      </c>
      <c r="CS10" s="2">
        <v>0</v>
      </c>
      <c r="CT10" s="3">
        <v>0</v>
      </c>
      <c r="CU10" s="2">
        <v>0</v>
      </c>
      <c r="CV10" s="2">
        <v>0</v>
      </c>
      <c r="CW10" s="2">
        <v>0</v>
      </c>
      <c r="CX10" s="2">
        <v>0</v>
      </c>
      <c r="CY10" s="2">
        <v>0</v>
      </c>
      <c r="CZ10" s="2">
        <v>0</v>
      </c>
      <c r="DA10" s="2">
        <v>0</v>
      </c>
      <c r="DB10" s="2">
        <v>0</v>
      </c>
      <c r="DC10" s="2">
        <v>0</v>
      </c>
      <c r="DD10" s="2">
        <v>0</v>
      </c>
      <c r="DE10" s="2">
        <v>0</v>
      </c>
      <c r="DF10" s="2">
        <v>0</v>
      </c>
      <c r="DG10" s="3">
        <v>0</v>
      </c>
      <c r="DH10" s="3">
        <v>42724</v>
      </c>
    </row>
    <row r="11" spans="1:112" ht="10" customHeight="1">
      <c r="A11" s="141"/>
      <c r="B11" s="29"/>
      <c r="C11" s="29"/>
      <c r="D11" s="98" t="s">
        <v>173</v>
      </c>
      <c r="E11" s="90"/>
      <c r="F11" s="91"/>
      <c r="G11" s="3">
        <v>230328</v>
      </c>
      <c r="H11" s="1">
        <v>1453631</v>
      </c>
      <c r="I11" s="1">
        <v>103301</v>
      </c>
      <c r="J11" s="1">
        <v>775968</v>
      </c>
      <c r="K11" s="1">
        <v>159083</v>
      </c>
      <c r="L11" s="1">
        <v>53103</v>
      </c>
      <c r="M11" s="1">
        <v>1332735</v>
      </c>
      <c r="N11" s="1">
        <v>544851</v>
      </c>
      <c r="O11" s="1">
        <v>0</v>
      </c>
      <c r="P11" s="1">
        <v>718245</v>
      </c>
      <c r="Q11" s="1">
        <v>199208</v>
      </c>
      <c r="R11" s="1">
        <v>605582</v>
      </c>
      <c r="S11" s="1">
        <v>152634</v>
      </c>
      <c r="T11" s="1">
        <v>15004</v>
      </c>
      <c r="U11" s="1">
        <v>2826</v>
      </c>
      <c r="V11" s="1">
        <v>106631</v>
      </c>
      <c r="W11" s="1">
        <v>266065</v>
      </c>
      <c r="X11" s="1">
        <v>107922</v>
      </c>
      <c r="Y11" s="1">
        <v>415137</v>
      </c>
      <c r="Z11" s="1">
        <v>36753</v>
      </c>
      <c r="AA11" s="1">
        <v>7436971</v>
      </c>
      <c r="AB11" s="1">
        <v>172453</v>
      </c>
      <c r="AC11" s="1">
        <v>1473480</v>
      </c>
      <c r="AD11" s="1">
        <v>72800</v>
      </c>
      <c r="AE11" s="1">
        <v>10469</v>
      </c>
      <c r="AF11" s="1">
        <v>0</v>
      </c>
      <c r="AG11" s="1">
        <v>44322</v>
      </c>
      <c r="AH11" s="1">
        <v>202170</v>
      </c>
      <c r="AI11" s="1">
        <v>0</v>
      </c>
      <c r="AJ11" s="1">
        <v>77274</v>
      </c>
      <c r="AK11" s="1">
        <v>151309</v>
      </c>
      <c r="AL11" s="1">
        <v>329681</v>
      </c>
      <c r="AM11" s="1">
        <v>0</v>
      </c>
      <c r="AN11" s="1">
        <v>0</v>
      </c>
      <c r="AO11" s="1">
        <v>51849</v>
      </c>
      <c r="AP11" s="1">
        <v>241422</v>
      </c>
      <c r="AQ11" s="1">
        <v>1042723</v>
      </c>
      <c r="AR11" s="1">
        <v>287896</v>
      </c>
      <c r="AS11" s="1">
        <v>17513</v>
      </c>
      <c r="AT11" s="1">
        <v>0</v>
      </c>
      <c r="AU11" s="1">
        <v>0</v>
      </c>
      <c r="AV11" s="1">
        <v>0</v>
      </c>
      <c r="AW11" s="1">
        <v>0</v>
      </c>
      <c r="AX11" s="1">
        <v>0</v>
      </c>
      <c r="AY11" s="1">
        <v>41041</v>
      </c>
      <c r="AZ11" s="1">
        <v>0</v>
      </c>
      <c r="BA11" s="1">
        <v>0</v>
      </c>
      <c r="BB11" s="1">
        <v>94547</v>
      </c>
      <c r="BC11" s="1">
        <v>44700</v>
      </c>
      <c r="BD11" s="1">
        <v>28763</v>
      </c>
      <c r="BE11" s="1">
        <v>5140</v>
      </c>
      <c r="BF11" s="1">
        <v>26627</v>
      </c>
      <c r="BG11" s="1">
        <v>3387906</v>
      </c>
      <c r="BH11" s="1">
        <v>60395</v>
      </c>
      <c r="BI11" s="1">
        <v>22580458</v>
      </c>
      <c r="BJ11" s="1">
        <v>0</v>
      </c>
      <c r="BK11" s="1">
        <v>0</v>
      </c>
      <c r="BL11" s="1">
        <v>0</v>
      </c>
      <c r="BM11" s="1">
        <v>3617</v>
      </c>
      <c r="BN11" s="1">
        <v>0</v>
      </c>
      <c r="BO11" s="1">
        <v>0</v>
      </c>
      <c r="BP11" s="1">
        <v>0</v>
      </c>
      <c r="BQ11" s="1">
        <v>33525</v>
      </c>
      <c r="BR11" s="1">
        <v>0</v>
      </c>
      <c r="BS11" s="1">
        <v>920</v>
      </c>
      <c r="BT11" s="1">
        <v>0</v>
      </c>
      <c r="BU11" s="1">
        <v>12535</v>
      </c>
      <c r="BV11" s="3">
        <v>50597</v>
      </c>
      <c r="BW11" s="1">
        <v>32790</v>
      </c>
      <c r="BX11" s="1">
        <v>0</v>
      </c>
      <c r="BY11" s="1">
        <v>0</v>
      </c>
      <c r="BZ11" s="1">
        <v>0</v>
      </c>
      <c r="CA11" s="1">
        <v>0</v>
      </c>
      <c r="CB11" s="1">
        <v>14094</v>
      </c>
      <c r="CC11" s="1">
        <v>0</v>
      </c>
      <c r="CD11" s="1">
        <v>0</v>
      </c>
      <c r="CE11" s="1">
        <v>0</v>
      </c>
      <c r="CF11" s="1">
        <v>7020</v>
      </c>
      <c r="CG11" s="1">
        <v>0</v>
      </c>
      <c r="CH11" s="1">
        <v>0</v>
      </c>
      <c r="CI11" s="1">
        <v>0</v>
      </c>
      <c r="CJ11" s="1">
        <v>0</v>
      </c>
      <c r="CK11" s="1">
        <v>0</v>
      </c>
      <c r="CL11" s="1">
        <v>3610</v>
      </c>
      <c r="CM11" s="1">
        <v>19410</v>
      </c>
      <c r="CN11" s="1">
        <v>0</v>
      </c>
      <c r="CO11" s="1">
        <v>18440</v>
      </c>
      <c r="CP11" s="1">
        <v>0</v>
      </c>
      <c r="CQ11" s="1">
        <v>0</v>
      </c>
      <c r="CR11" s="1">
        <v>0</v>
      </c>
      <c r="CS11" s="1">
        <v>0</v>
      </c>
      <c r="CT11" s="3">
        <v>95364</v>
      </c>
      <c r="CU11" s="1">
        <v>0</v>
      </c>
      <c r="CV11" s="1">
        <v>0</v>
      </c>
      <c r="CW11" s="1">
        <v>0</v>
      </c>
      <c r="CX11" s="1">
        <v>0</v>
      </c>
      <c r="CY11" s="1">
        <v>0</v>
      </c>
      <c r="CZ11" s="1">
        <v>0</v>
      </c>
      <c r="DA11" s="1">
        <v>6011</v>
      </c>
      <c r="DB11" s="1">
        <v>0</v>
      </c>
      <c r="DC11" s="1">
        <v>0</v>
      </c>
      <c r="DD11" s="1">
        <v>0</v>
      </c>
      <c r="DE11" s="1">
        <v>0</v>
      </c>
      <c r="DF11" s="1">
        <v>0</v>
      </c>
      <c r="DG11" s="3">
        <v>6011</v>
      </c>
      <c r="DH11" s="3">
        <v>22732430</v>
      </c>
    </row>
    <row r="12" spans="1:112" ht="10" customHeight="1">
      <c r="A12" s="141"/>
      <c r="B12" s="29"/>
      <c r="C12" s="30"/>
      <c r="D12" s="98" t="s">
        <v>174</v>
      </c>
      <c r="E12" s="90"/>
      <c r="F12" s="91"/>
      <c r="G12" s="3">
        <v>0</v>
      </c>
      <c r="H12" s="1">
        <v>0</v>
      </c>
      <c r="I12" s="1">
        <v>0</v>
      </c>
      <c r="J12" s="1">
        <v>0</v>
      </c>
      <c r="K12" s="1">
        <v>0</v>
      </c>
      <c r="L12" s="1">
        <v>0</v>
      </c>
      <c r="M12" s="1">
        <v>0</v>
      </c>
      <c r="N12" s="1">
        <v>0</v>
      </c>
      <c r="O12" s="1">
        <v>0</v>
      </c>
      <c r="P12" s="1">
        <v>0</v>
      </c>
      <c r="Q12" s="1">
        <v>0</v>
      </c>
      <c r="R12" s="1">
        <v>0</v>
      </c>
      <c r="S12" s="1">
        <v>0</v>
      </c>
      <c r="T12" s="1">
        <v>0</v>
      </c>
      <c r="U12" s="1">
        <v>0</v>
      </c>
      <c r="V12" s="1">
        <v>0</v>
      </c>
      <c r="W12" s="1">
        <v>0</v>
      </c>
      <c r="X12" s="1">
        <v>0</v>
      </c>
      <c r="Y12" s="1">
        <v>0</v>
      </c>
      <c r="Z12" s="1">
        <v>0</v>
      </c>
      <c r="AA12" s="1">
        <v>0</v>
      </c>
      <c r="AB12" s="1">
        <v>0</v>
      </c>
      <c r="AC12" s="1">
        <v>1</v>
      </c>
      <c r="AD12" s="1">
        <v>0</v>
      </c>
      <c r="AE12" s="1">
        <v>0</v>
      </c>
      <c r="AF12" s="1">
        <v>0</v>
      </c>
      <c r="AG12" s="1">
        <v>0</v>
      </c>
      <c r="AH12" s="1">
        <v>0</v>
      </c>
      <c r="AI12" s="1">
        <v>0</v>
      </c>
      <c r="AJ12" s="1">
        <v>0</v>
      </c>
      <c r="AK12" s="1">
        <v>0</v>
      </c>
      <c r="AL12" s="1">
        <v>0</v>
      </c>
      <c r="AM12" s="1">
        <v>0</v>
      </c>
      <c r="AN12" s="1">
        <v>0</v>
      </c>
      <c r="AO12" s="1">
        <v>0</v>
      </c>
      <c r="AP12" s="1">
        <v>0</v>
      </c>
      <c r="AQ12" s="1">
        <v>0</v>
      </c>
      <c r="AR12" s="1">
        <v>0</v>
      </c>
      <c r="AS12" s="1">
        <v>1</v>
      </c>
      <c r="AT12" s="1">
        <v>0</v>
      </c>
      <c r="AU12" s="1">
        <v>0</v>
      </c>
      <c r="AV12" s="1">
        <v>5500</v>
      </c>
      <c r="AW12" s="1">
        <v>0</v>
      </c>
      <c r="AX12" s="1">
        <v>0</v>
      </c>
      <c r="AY12" s="1">
        <v>0</v>
      </c>
      <c r="AZ12" s="1">
        <v>1061561</v>
      </c>
      <c r="BA12" s="1">
        <v>0</v>
      </c>
      <c r="BB12" s="1">
        <v>0</v>
      </c>
      <c r="BC12" s="1">
        <v>1</v>
      </c>
      <c r="BD12" s="1">
        <v>0</v>
      </c>
      <c r="BE12" s="1">
        <v>1</v>
      </c>
      <c r="BF12" s="1">
        <v>1398993</v>
      </c>
      <c r="BG12" s="1">
        <v>0</v>
      </c>
      <c r="BH12" s="1">
        <v>0</v>
      </c>
      <c r="BI12" s="1">
        <v>2466058</v>
      </c>
      <c r="BJ12" s="1">
        <v>0</v>
      </c>
      <c r="BK12" s="1">
        <v>0</v>
      </c>
      <c r="BL12" s="1">
        <v>0</v>
      </c>
      <c r="BM12" s="1">
        <v>0</v>
      </c>
      <c r="BN12" s="1">
        <v>0</v>
      </c>
      <c r="BO12" s="1">
        <v>0</v>
      </c>
      <c r="BP12" s="1">
        <v>0</v>
      </c>
      <c r="BQ12" s="1">
        <v>0</v>
      </c>
      <c r="BR12" s="1">
        <v>0</v>
      </c>
      <c r="BS12" s="1">
        <v>0</v>
      </c>
      <c r="BT12" s="1">
        <v>0</v>
      </c>
      <c r="BU12" s="1">
        <v>0</v>
      </c>
      <c r="BV12" s="3">
        <v>0</v>
      </c>
      <c r="BW12" s="1">
        <v>0</v>
      </c>
      <c r="BX12" s="1">
        <v>0</v>
      </c>
      <c r="BY12" s="1">
        <v>1</v>
      </c>
      <c r="BZ12" s="1">
        <v>0</v>
      </c>
      <c r="CA12" s="1">
        <v>0</v>
      </c>
      <c r="CB12" s="1">
        <v>0</v>
      </c>
      <c r="CC12" s="1">
        <v>0</v>
      </c>
      <c r="CD12" s="1">
        <v>0</v>
      </c>
      <c r="CE12" s="1">
        <v>0</v>
      </c>
      <c r="CF12" s="1">
        <v>0</v>
      </c>
      <c r="CG12" s="1">
        <v>0</v>
      </c>
      <c r="CH12" s="1">
        <v>0</v>
      </c>
      <c r="CI12" s="1">
        <v>0</v>
      </c>
      <c r="CJ12" s="1">
        <v>0</v>
      </c>
      <c r="CK12" s="1">
        <v>0</v>
      </c>
      <c r="CL12" s="1">
        <v>0</v>
      </c>
      <c r="CM12" s="1">
        <v>1</v>
      </c>
      <c r="CN12" s="1">
        <v>0</v>
      </c>
      <c r="CO12" s="1">
        <v>290437</v>
      </c>
      <c r="CP12" s="1">
        <v>0</v>
      </c>
      <c r="CQ12" s="1">
        <v>0</v>
      </c>
      <c r="CR12" s="1">
        <v>0</v>
      </c>
      <c r="CS12" s="1">
        <v>5998</v>
      </c>
      <c r="CT12" s="3">
        <v>296437</v>
      </c>
      <c r="CU12" s="1">
        <v>0</v>
      </c>
      <c r="CV12" s="1">
        <v>0</v>
      </c>
      <c r="CW12" s="1">
        <v>0</v>
      </c>
      <c r="CX12" s="1">
        <v>0</v>
      </c>
      <c r="CY12" s="1">
        <v>0</v>
      </c>
      <c r="CZ12" s="1">
        <v>0</v>
      </c>
      <c r="DA12" s="1">
        <v>0</v>
      </c>
      <c r="DB12" s="1">
        <v>0</v>
      </c>
      <c r="DC12" s="1">
        <v>0</v>
      </c>
      <c r="DD12" s="1">
        <v>0</v>
      </c>
      <c r="DE12" s="1">
        <v>0</v>
      </c>
      <c r="DF12" s="1">
        <v>0</v>
      </c>
      <c r="DG12" s="3">
        <v>0</v>
      </c>
      <c r="DH12" s="3">
        <v>2762495</v>
      </c>
    </row>
    <row r="13" spans="1:112" ht="10" customHeight="1">
      <c r="A13" s="141"/>
      <c r="B13" s="29"/>
      <c r="C13" s="98" t="s">
        <v>175</v>
      </c>
      <c r="D13" s="90"/>
      <c r="E13" s="90"/>
      <c r="F13" s="91"/>
      <c r="G13" s="3">
        <v>14030486</v>
      </c>
      <c r="H13" s="1">
        <v>6203135</v>
      </c>
      <c r="I13" s="1">
        <v>2288999</v>
      </c>
      <c r="J13" s="1">
        <v>9133013</v>
      </c>
      <c r="K13" s="1">
        <v>1769343</v>
      </c>
      <c r="L13" s="1">
        <v>1820</v>
      </c>
      <c r="M13" s="1">
        <v>4001224</v>
      </c>
      <c r="N13" s="1">
        <v>3384</v>
      </c>
      <c r="O13" s="1">
        <v>572691</v>
      </c>
      <c r="P13" s="1">
        <v>2276324</v>
      </c>
      <c r="Q13" s="1">
        <v>9862</v>
      </c>
      <c r="R13" s="1">
        <v>4558785</v>
      </c>
      <c r="S13" s="1">
        <v>4018081</v>
      </c>
      <c r="T13" s="1">
        <v>0</v>
      </c>
      <c r="U13" s="1">
        <v>2027833</v>
      </c>
      <c r="V13" s="1">
        <v>650269</v>
      </c>
      <c r="W13" s="1">
        <v>2708722</v>
      </c>
      <c r="X13" s="1">
        <v>5431218</v>
      </c>
      <c r="Y13" s="1">
        <v>5368934</v>
      </c>
      <c r="Z13" s="1">
        <v>824813</v>
      </c>
      <c r="AA13" s="1">
        <v>1524271</v>
      </c>
      <c r="AB13" s="1">
        <v>1867789</v>
      </c>
      <c r="AC13" s="1">
        <v>1873334</v>
      </c>
      <c r="AD13" s="1">
        <v>802250</v>
      </c>
      <c r="AE13" s="1">
        <v>398399</v>
      </c>
      <c r="AF13" s="1">
        <v>3496265</v>
      </c>
      <c r="AG13" s="1">
        <v>1494117</v>
      </c>
      <c r="AH13" s="1">
        <v>4923464</v>
      </c>
      <c r="AI13" s="1">
        <v>1009895</v>
      </c>
      <c r="AJ13" s="1">
        <v>2813470</v>
      </c>
      <c r="AK13" s="1">
        <v>1775222</v>
      </c>
      <c r="AL13" s="1">
        <v>2795020</v>
      </c>
      <c r="AM13" s="1">
        <v>758071</v>
      </c>
      <c r="AN13" s="1">
        <v>935017</v>
      </c>
      <c r="AO13" s="1">
        <v>0</v>
      </c>
      <c r="AP13" s="1">
        <v>1050374</v>
      </c>
      <c r="AQ13" s="1">
        <v>1280608</v>
      </c>
      <c r="AR13" s="1">
        <v>652677</v>
      </c>
      <c r="AS13" s="1">
        <v>668434</v>
      </c>
      <c r="AT13" s="1">
        <v>791972</v>
      </c>
      <c r="AU13" s="1">
        <v>376616</v>
      </c>
      <c r="AV13" s="1">
        <v>455793</v>
      </c>
      <c r="AW13" s="1">
        <v>910796</v>
      </c>
      <c r="AX13" s="1">
        <v>215947</v>
      </c>
      <c r="AY13" s="1">
        <v>338304</v>
      </c>
      <c r="AZ13" s="1">
        <v>260879</v>
      </c>
      <c r="BA13" s="1">
        <v>508256</v>
      </c>
      <c r="BB13" s="1">
        <v>1068412</v>
      </c>
      <c r="BC13" s="1">
        <v>938594</v>
      </c>
      <c r="BD13" s="1">
        <v>602177</v>
      </c>
      <c r="BE13" s="1">
        <v>504337</v>
      </c>
      <c r="BF13" s="1">
        <v>494372</v>
      </c>
      <c r="BG13" s="1">
        <v>800</v>
      </c>
      <c r="BH13" s="1">
        <v>0</v>
      </c>
      <c r="BI13" s="1">
        <v>103464868</v>
      </c>
      <c r="BJ13" s="1">
        <v>360</v>
      </c>
      <c r="BK13" s="1">
        <v>1374</v>
      </c>
      <c r="BL13" s="1">
        <v>0</v>
      </c>
      <c r="BM13" s="1">
        <v>292526</v>
      </c>
      <c r="BN13" s="1">
        <v>0</v>
      </c>
      <c r="BO13" s="1">
        <v>0</v>
      </c>
      <c r="BP13" s="1">
        <v>0</v>
      </c>
      <c r="BQ13" s="1">
        <v>8174</v>
      </c>
      <c r="BR13" s="1">
        <v>0</v>
      </c>
      <c r="BS13" s="1">
        <v>0</v>
      </c>
      <c r="BT13" s="1">
        <v>0</v>
      </c>
      <c r="BU13" s="1">
        <v>0</v>
      </c>
      <c r="BV13" s="3">
        <v>302434</v>
      </c>
      <c r="BW13" s="1">
        <v>0</v>
      </c>
      <c r="BX13" s="1">
        <v>0</v>
      </c>
      <c r="BY13" s="1">
        <v>0</v>
      </c>
      <c r="BZ13" s="1">
        <v>0</v>
      </c>
      <c r="CA13" s="1">
        <v>295</v>
      </c>
      <c r="CB13" s="1">
        <v>0</v>
      </c>
      <c r="CC13" s="1">
        <v>0</v>
      </c>
      <c r="CD13" s="1">
        <v>2244</v>
      </c>
      <c r="CE13" s="1">
        <v>0</v>
      </c>
      <c r="CF13" s="1">
        <v>0</v>
      </c>
      <c r="CG13" s="1">
        <v>3824</v>
      </c>
      <c r="CH13" s="1">
        <v>1520</v>
      </c>
      <c r="CI13" s="1">
        <v>0</v>
      </c>
      <c r="CJ13" s="1">
        <v>0</v>
      </c>
      <c r="CK13" s="1">
        <v>0</v>
      </c>
      <c r="CL13" s="1">
        <v>0</v>
      </c>
      <c r="CM13" s="1">
        <v>0</v>
      </c>
      <c r="CN13" s="1">
        <v>0</v>
      </c>
      <c r="CO13" s="1">
        <v>14478</v>
      </c>
      <c r="CP13" s="1">
        <v>0</v>
      </c>
      <c r="CQ13" s="1">
        <v>0</v>
      </c>
      <c r="CR13" s="1">
        <v>0</v>
      </c>
      <c r="CS13" s="1">
        <v>0</v>
      </c>
      <c r="CT13" s="3">
        <v>22361</v>
      </c>
      <c r="CU13" s="1">
        <v>0</v>
      </c>
      <c r="CV13" s="1">
        <v>0</v>
      </c>
      <c r="CW13" s="1">
        <v>0</v>
      </c>
      <c r="CX13" s="1">
        <v>0</v>
      </c>
      <c r="CY13" s="1">
        <v>0</v>
      </c>
      <c r="CZ13" s="1">
        <v>0</v>
      </c>
      <c r="DA13" s="1">
        <v>0</v>
      </c>
      <c r="DB13" s="1">
        <v>0</v>
      </c>
      <c r="DC13" s="1">
        <v>0</v>
      </c>
      <c r="DD13" s="1">
        <v>312</v>
      </c>
      <c r="DE13" s="1">
        <v>0</v>
      </c>
      <c r="DF13" s="1">
        <v>0</v>
      </c>
      <c r="DG13" s="3">
        <v>312</v>
      </c>
      <c r="DH13" s="3">
        <v>103789975</v>
      </c>
    </row>
    <row r="14" spans="1:112" ht="10" customHeight="1">
      <c r="A14" s="141"/>
      <c r="B14" s="30"/>
      <c r="C14" s="98" t="s">
        <v>176</v>
      </c>
      <c r="D14" s="90"/>
      <c r="E14" s="90"/>
      <c r="F14" s="91"/>
      <c r="G14" s="3">
        <v>13747</v>
      </c>
      <c r="H14" s="1">
        <v>2880</v>
      </c>
      <c r="I14" s="1">
        <v>1590</v>
      </c>
      <c r="J14" s="1">
        <v>12334</v>
      </c>
      <c r="K14" s="1">
        <v>835</v>
      </c>
      <c r="L14" s="1">
        <v>0</v>
      </c>
      <c r="M14" s="1">
        <v>6924</v>
      </c>
      <c r="N14" s="1">
        <v>0</v>
      </c>
      <c r="O14" s="1">
        <v>1417</v>
      </c>
      <c r="P14" s="1">
        <v>1339</v>
      </c>
      <c r="Q14" s="1">
        <v>0</v>
      </c>
      <c r="R14" s="1">
        <v>181124</v>
      </c>
      <c r="S14" s="1">
        <v>295417</v>
      </c>
      <c r="T14" s="1">
        <v>0</v>
      </c>
      <c r="U14" s="1">
        <v>1045</v>
      </c>
      <c r="V14" s="1">
        <v>483360</v>
      </c>
      <c r="W14" s="1">
        <v>5297</v>
      </c>
      <c r="X14" s="1">
        <v>0</v>
      </c>
      <c r="Y14" s="1">
        <v>0</v>
      </c>
      <c r="Z14" s="1">
        <v>860</v>
      </c>
      <c r="AA14" s="1">
        <v>920</v>
      </c>
      <c r="AB14" s="1">
        <v>701115</v>
      </c>
      <c r="AC14" s="1">
        <v>1035</v>
      </c>
      <c r="AD14" s="1">
        <v>379705</v>
      </c>
      <c r="AE14" s="1">
        <v>565</v>
      </c>
      <c r="AF14" s="1">
        <v>522</v>
      </c>
      <c r="AG14" s="1">
        <v>625</v>
      </c>
      <c r="AH14" s="1">
        <v>3860</v>
      </c>
      <c r="AI14" s="1">
        <v>590</v>
      </c>
      <c r="AJ14" s="1">
        <v>1390</v>
      </c>
      <c r="AK14" s="1">
        <v>4900</v>
      </c>
      <c r="AL14" s="1">
        <v>1090</v>
      </c>
      <c r="AM14" s="1">
        <v>0</v>
      </c>
      <c r="AN14" s="1">
        <v>20910</v>
      </c>
      <c r="AO14" s="1">
        <v>7586</v>
      </c>
      <c r="AP14" s="1">
        <v>0</v>
      </c>
      <c r="AQ14" s="1">
        <v>1100</v>
      </c>
      <c r="AR14" s="1">
        <v>360</v>
      </c>
      <c r="AS14" s="1">
        <v>190</v>
      </c>
      <c r="AT14" s="1">
        <v>279</v>
      </c>
      <c r="AU14" s="1">
        <v>0</v>
      </c>
      <c r="AV14" s="1">
        <v>0</v>
      </c>
      <c r="AW14" s="1">
        <v>15648</v>
      </c>
      <c r="AX14" s="1">
        <v>0</v>
      </c>
      <c r="AY14" s="1">
        <v>0</v>
      </c>
      <c r="AZ14" s="1">
        <v>0</v>
      </c>
      <c r="BA14" s="1">
        <v>0</v>
      </c>
      <c r="BB14" s="1">
        <v>454</v>
      </c>
      <c r="BC14" s="1">
        <v>594</v>
      </c>
      <c r="BD14" s="1">
        <v>0</v>
      </c>
      <c r="BE14" s="1">
        <v>0</v>
      </c>
      <c r="BF14" s="1">
        <v>0</v>
      </c>
      <c r="BG14" s="1">
        <v>1189523</v>
      </c>
      <c r="BH14" s="1">
        <v>0</v>
      </c>
      <c r="BI14" s="1">
        <v>3341130</v>
      </c>
      <c r="BJ14" s="1">
        <v>0</v>
      </c>
      <c r="BK14" s="1">
        <v>0</v>
      </c>
      <c r="BL14" s="1">
        <v>0</v>
      </c>
      <c r="BM14" s="1">
        <v>100</v>
      </c>
      <c r="BN14" s="1">
        <v>0</v>
      </c>
      <c r="BO14" s="1">
        <v>31</v>
      </c>
      <c r="BP14" s="1">
        <v>0</v>
      </c>
      <c r="BQ14" s="1">
        <v>0</v>
      </c>
      <c r="BR14" s="1">
        <v>0</v>
      </c>
      <c r="BS14" s="1">
        <v>63</v>
      </c>
      <c r="BT14" s="1">
        <v>0</v>
      </c>
      <c r="BU14" s="1">
        <v>0</v>
      </c>
      <c r="BV14" s="3">
        <v>194</v>
      </c>
      <c r="BW14" s="1">
        <v>0</v>
      </c>
      <c r="BX14" s="1">
        <v>0</v>
      </c>
      <c r="BY14" s="1">
        <v>19</v>
      </c>
      <c r="BZ14" s="1">
        <v>34715</v>
      </c>
      <c r="CA14" s="1">
        <v>0</v>
      </c>
      <c r="CB14" s="1">
        <v>357866</v>
      </c>
      <c r="CC14" s="1">
        <v>220</v>
      </c>
      <c r="CD14" s="1">
        <v>0</v>
      </c>
      <c r="CE14" s="1">
        <v>0</v>
      </c>
      <c r="CF14" s="1">
        <v>0</v>
      </c>
      <c r="CG14" s="1">
        <v>0</v>
      </c>
      <c r="CH14" s="1">
        <v>0</v>
      </c>
      <c r="CI14" s="1">
        <v>0</v>
      </c>
      <c r="CJ14" s="1">
        <v>0</v>
      </c>
      <c r="CK14" s="1">
        <v>0</v>
      </c>
      <c r="CL14" s="1">
        <v>0</v>
      </c>
      <c r="CM14" s="1">
        <v>0</v>
      </c>
      <c r="CN14" s="1">
        <v>0</v>
      </c>
      <c r="CO14" s="1">
        <v>0</v>
      </c>
      <c r="CP14" s="1">
        <v>0</v>
      </c>
      <c r="CQ14" s="1">
        <v>0</v>
      </c>
      <c r="CR14" s="1">
        <v>0</v>
      </c>
      <c r="CS14" s="1">
        <v>0</v>
      </c>
      <c r="CT14" s="3">
        <v>392820</v>
      </c>
      <c r="CU14" s="1">
        <v>0</v>
      </c>
      <c r="CV14" s="1">
        <v>0</v>
      </c>
      <c r="CW14" s="1">
        <v>0</v>
      </c>
      <c r="CX14" s="1">
        <v>0</v>
      </c>
      <c r="CY14" s="1">
        <v>0</v>
      </c>
      <c r="CZ14" s="1">
        <v>0</v>
      </c>
      <c r="DA14" s="1">
        <v>0</v>
      </c>
      <c r="DB14" s="1">
        <v>0</v>
      </c>
      <c r="DC14" s="1">
        <v>15554</v>
      </c>
      <c r="DD14" s="1">
        <v>0</v>
      </c>
      <c r="DE14" s="1">
        <v>0</v>
      </c>
      <c r="DF14" s="1">
        <v>16000</v>
      </c>
      <c r="DG14" s="3">
        <v>31554</v>
      </c>
      <c r="DH14" s="3">
        <v>3765698</v>
      </c>
    </row>
    <row r="15" spans="1:112" ht="10" customHeight="1">
      <c r="A15" s="141"/>
      <c r="B15" s="114" t="s">
        <v>177</v>
      </c>
      <c r="C15" s="93"/>
      <c r="D15" s="93"/>
      <c r="E15" s="93"/>
      <c r="F15" s="94"/>
      <c r="G15" s="1">
        <v>9082087</v>
      </c>
      <c r="H15" s="1">
        <v>7045212</v>
      </c>
      <c r="I15" s="1">
        <v>1142765</v>
      </c>
      <c r="J15" s="1">
        <v>4658845</v>
      </c>
      <c r="K15" s="1">
        <v>414544</v>
      </c>
      <c r="L15" s="1">
        <v>572331</v>
      </c>
      <c r="M15" s="1">
        <v>3622028</v>
      </c>
      <c r="N15" s="1">
        <v>452930</v>
      </c>
      <c r="O15" s="1">
        <v>673870</v>
      </c>
      <c r="P15" s="1">
        <v>1226382</v>
      </c>
      <c r="Q15" s="1">
        <v>791699</v>
      </c>
      <c r="R15" s="1">
        <v>2466747</v>
      </c>
      <c r="S15" s="1">
        <v>4135243</v>
      </c>
      <c r="T15" s="1">
        <v>490279</v>
      </c>
      <c r="U15" s="1">
        <v>1784180</v>
      </c>
      <c r="V15" s="1">
        <v>1524054</v>
      </c>
      <c r="W15" s="1">
        <v>3399263</v>
      </c>
      <c r="X15" s="1">
        <v>2585957</v>
      </c>
      <c r="Y15" s="1">
        <v>2462191</v>
      </c>
      <c r="Z15" s="1">
        <v>590164</v>
      </c>
      <c r="AA15" s="1">
        <v>2849234</v>
      </c>
      <c r="AB15" s="1">
        <v>1409440</v>
      </c>
      <c r="AC15" s="1">
        <v>1715159</v>
      </c>
      <c r="AD15" s="1">
        <v>1594236</v>
      </c>
      <c r="AE15" s="1">
        <v>862408</v>
      </c>
      <c r="AF15" s="1">
        <v>1407448</v>
      </c>
      <c r="AG15" s="1">
        <v>227497</v>
      </c>
      <c r="AH15" s="1">
        <v>1164188</v>
      </c>
      <c r="AI15" s="1">
        <v>549311</v>
      </c>
      <c r="AJ15" s="1">
        <v>1884536</v>
      </c>
      <c r="AK15" s="1">
        <v>1077427</v>
      </c>
      <c r="AL15" s="1">
        <v>1746433</v>
      </c>
      <c r="AM15" s="1">
        <v>515368</v>
      </c>
      <c r="AN15" s="1">
        <v>472207</v>
      </c>
      <c r="AO15" s="1">
        <v>890975</v>
      </c>
      <c r="AP15" s="1">
        <v>1117933</v>
      </c>
      <c r="AQ15" s="1">
        <v>4017618</v>
      </c>
      <c r="AR15" s="1">
        <v>293366</v>
      </c>
      <c r="AS15" s="1">
        <v>191513</v>
      </c>
      <c r="AT15" s="1">
        <v>991864</v>
      </c>
      <c r="AU15" s="1">
        <v>228304</v>
      </c>
      <c r="AV15" s="1">
        <v>210158</v>
      </c>
      <c r="AW15" s="1">
        <v>268205</v>
      </c>
      <c r="AX15" s="1">
        <v>241007</v>
      </c>
      <c r="AY15" s="1">
        <v>343899</v>
      </c>
      <c r="AZ15" s="1">
        <v>44290</v>
      </c>
      <c r="BA15" s="1">
        <v>25165</v>
      </c>
      <c r="BB15" s="1">
        <v>264944</v>
      </c>
      <c r="BC15" s="1">
        <v>179609</v>
      </c>
      <c r="BD15" s="1">
        <v>197239</v>
      </c>
      <c r="BE15" s="1">
        <v>160312</v>
      </c>
      <c r="BF15" s="1">
        <v>128925</v>
      </c>
      <c r="BG15" s="1">
        <v>1378022</v>
      </c>
      <c r="BH15" s="1">
        <v>801712</v>
      </c>
      <c r="BI15" s="1">
        <v>78570723</v>
      </c>
      <c r="BJ15" s="1">
        <v>70872</v>
      </c>
      <c r="BK15" s="1">
        <v>0</v>
      </c>
      <c r="BL15" s="1">
        <v>79954</v>
      </c>
      <c r="BM15" s="1">
        <v>155346</v>
      </c>
      <c r="BN15" s="1">
        <v>115041</v>
      </c>
      <c r="BO15" s="1">
        <v>353513</v>
      </c>
      <c r="BP15" s="1">
        <v>129646</v>
      </c>
      <c r="BQ15" s="1">
        <v>130029</v>
      </c>
      <c r="BR15" s="1">
        <v>12359</v>
      </c>
      <c r="BS15" s="1">
        <v>23880</v>
      </c>
      <c r="BT15" s="1">
        <v>14026</v>
      </c>
      <c r="BU15" s="1">
        <v>410802</v>
      </c>
      <c r="BV15" s="3">
        <v>1495468</v>
      </c>
      <c r="BW15" s="1">
        <v>136043</v>
      </c>
      <c r="BX15" s="1">
        <v>44540</v>
      </c>
      <c r="BY15" s="1">
        <v>144998</v>
      </c>
      <c r="BZ15" s="1">
        <v>69164</v>
      </c>
      <c r="CA15" s="1">
        <v>83113</v>
      </c>
      <c r="CB15" s="1">
        <v>372811</v>
      </c>
      <c r="CC15" s="1">
        <v>95015</v>
      </c>
      <c r="CD15" s="1">
        <v>166915</v>
      </c>
      <c r="CE15" s="1">
        <v>12171</v>
      </c>
      <c r="CF15" s="1">
        <v>64156</v>
      </c>
      <c r="CG15" s="1">
        <v>19586</v>
      </c>
      <c r="CH15" s="1">
        <v>25530</v>
      </c>
      <c r="CI15" s="1">
        <v>8288</v>
      </c>
      <c r="CJ15" s="1">
        <v>20615</v>
      </c>
      <c r="CK15" s="1">
        <v>84977</v>
      </c>
      <c r="CL15" s="1">
        <v>148580</v>
      </c>
      <c r="CM15" s="1">
        <v>240104</v>
      </c>
      <c r="CN15" s="1">
        <v>46847</v>
      </c>
      <c r="CO15" s="1">
        <v>168116</v>
      </c>
      <c r="CP15" s="1">
        <v>10775</v>
      </c>
      <c r="CQ15" s="1">
        <v>25217</v>
      </c>
      <c r="CR15" s="1">
        <v>25053</v>
      </c>
      <c r="CS15" s="1">
        <v>5163</v>
      </c>
      <c r="CT15" s="3">
        <v>2017777</v>
      </c>
      <c r="CU15" s="1">
        <v>78256</v>
      </c>
      <c r="CV15" s="1">
        <v>16548</v>
      </c>
      <c r="CW15" s="1">
        <v>9105</v>
      </c>
      <c r="CX15" s="1">
        <v>7284</v>
      </c>
      <c r="CY15" s="1">
        <v>7163</v>
      </c>
      <c r="CZ15" s="1">
        <v>21139</v>
      </c>
      <c r="DA15" s="1">
        <v>39371</v>
      </c>
      <c r="DB15" s="1">
        <v>13455</v>
      </c>
      <c r="DC15" s="1">
        <v>19518</v>
      </c>
      <c r="DD15" s="1">
        <v>18025</v>
      </c>
      <c r="DE15" s="1">
        <v>7177</v>
      </c>
      <c r="DF15" s="1">
        <v>19497</v>
      </c>
      <c r="DG15" s="3">
        <v>256538</v>
      </c>
      <c r="DH15" s="3">
        <v>82340506</v>
      </c>
    </row>
    <row r="16" spans="1:112" ht="10" customHeight="1">
      <c r="A16" s="141"/>
      <c r="B16" s="29"/>
      <c r="C16" s="98" t="s">
        <v>178</v>
      </c>
      <c r="D16" s="90"/>
      <c r="E16" s="90"/>
      <c r="F16" s="91"/>
      <c r="G16" s="1">
        <v>4666617</v>
      </c>
      <c r="H16" s="1">
        <v>6307123</v>
      </c>
      <c r="I16" s="1">
        <v>797466</v>
      </c>
      <c r="J16" s="1">
        <v>4002947</v>
      </c>
      <c r="K16" s="1">
        <v>193623</v>
      </c>
      <c r="L16" s="1">
        <v>506728</v>
      </c>
      <c r="M16" s="1">
        <v>2642734</v>
      </c>
      <c r="N16" s="1">
        <v>212874</v>
      </c>
      <c r="O16" s="1">
        <v>514856</v>
      </c>
      <c r="P16" s="1">
        <v>1077962</v>
      </c>
      <c r="Q16" s="1">
        <v>193548</v>
      </c>
      <c r="R16" s="1">
        <v>1498250</v>
      </c>
      <c r="S16" s="1">
        <v>3773601</v>
      </c>
      <c r="T16" s="1">
        <v>446110</v>
      </c>
      <c r="U16" s="1">
        <v>1481837</v>
      </c>
      <c r="V16" s="1">
        <v>1138511</v>
      </c>
      <c r="W16" s="1">
        <v>2911969</v>
      </c>
      <c r="X16" s="1">
        <v>2227374</v>
      </c>
      <c r="Y16" s="1">
        <v>1773525</v>
      </c>
      <c r="Z16" s="1">
        <v>484666</v>
      </c>
      <c r="AA16" s="1">
        <v>2296203</v>
      </c>
      <c r="AB16" s="1">
        <v>1250498</v>
      </c>
      <c r="AC16" s="1">
        <v>1510937</v>
      </c>
      <c r="AD16" s="1">
        <v>1486274</v>
      </c>
      <c r="AE16" s="1">
        <v>795024</v>
      </c>
      <c r="AF16" s="1">
        <v>971746</v>
      </c>
      <c r="AG16" s="1">
        <v>127190</v>
      </c>
      <c r="AH16" s="1">
        <v>677037</v>
      </c>
      <c r="AI16" s="1">
        <v>438548</v>
      </c>
      <c r="AJ16" s="1">
        <v>1593306</v>
      </c>
      <c r="AK16" s="1">
        <v>816971</v>
      </c>
      <c r="AL16" s="1">
        <v>1110267</v>
      </c>
      <c r="AM16" s="1">
        <v>370941</v>
      </c>
      <c r="AN16" s="1">
        <v>443632</v>
      </c>
      <c r="AO16" s="1">
        <v>633254</v>
      </c>
      <c r="AP16" s="1">
        <v>903578</v>
      </c>
      <c r="AQ16" s="1">
        <v>3261852</v>
      </c>
      <c r="AR16" s="1">
        <v>196264</v>
      </c>
      <c r="AS16" s="1">
        <v>132133</v>
      </c>
      <c r="AT16" s="1">
        <v>919226</v>
      </c>
      <c r="AU16" s="1">
        <v>215984</v>
      </c>
      <c r="AV16" s="1">
        <v>148792</v>
      </c>
      <c r="AW16" s="1">
        <v>207348</v>
      </c>
      <c r="AX16" s="1">
        <v>211974</v>
      </c>
      <c r="AY16" s="1">
        <v>330464</v>
      </c>
      <c r="AZ16" s="1">
        <v>34910</v>
      </c>
      <c r="BA16" s="1">
        <v>22873</v>
      </c>
      <c r="BB16" s="1">
        <v>245022</v>
      </c>
      <c r="BC16" s="1">
        <v>63309</v>
      </c>
      <c r="BD16" s="1">
        <v>151106</v>
      </c>
      <c r="BE16" s="1">
        <v>104272</v>
      </c>
      <c r="BF16" s="1">
        <v>89686</v>
      </c>
      <c r="BG16" s="1">
        <v>756187</v>
      </c>
      <c r="BH16" s="1">
        <v>751507</v>
      </c>
      <c r="BI16" s="1">
        <v>60120636</v>
      </c>
      <c r="BJ16" s="1">
        <v>68934</v>
      </c>
      <c r="BK16" s="1">
        <v>0</v>
      </c>
      <c r="BL16" s="1">
        <v>79954</v>
      </c>
      <c r="BM16" s="1">
        <v>138354</v>
      </c>
      <c r="BN16" s="1">
        <v>108683</v>
      </c>
      <c r="BO16" s="1">
        <v>335337</v>
      </c>
      <c r="BP16" s="1">
        <v>124076</v>
      </c>
      <c r="BQ16" s="1">
        <v>111411</v>
      </c>
      <c r="BR16" s="1">
        <v>8028</v>
      </c>
      <c r="BS16" s="1">
        <v>23458</v>
      </c>
      <c r="BT16" s="1">
        <v>9116</v>
      </c>
      <c r="BU16" s="1">
        <v>392370</v>
      </c>
      <c r="BV16" s="3">
        <v>1399721</v>
      </c>
      <c r="BW16" s="1">
        <v>116776</v>
      </c>
      <c r="BX16" s="1">
        <v>8504</v>
      </c>
      <c r="BY16" s="1">
        <v>117606</v>
      </c>
      <c r="BZ16" s="1">
        <v>63912</v>
      </c>
      <c r="CA16" s="1">
        <v>75023</v>
      </c>
      <c r="CB16" s="1">
        <v>296173</v>
      </c>
      <c r="CC16" s="1">
        <v>56194</v>
      </c>
      <c r="CD16" s="1">
        <v>164218</v>
      </c>
      <c r="CE16" s="1">
        <v>11393</v>
      </c>
      <c r="CF16" s="1">
        <v>62977</v>
      </c>
      <c r="CG16" s="1">
        <v>17751</v>
      </c>
      <c r="CH16" s="1">
        <v>25279</v>
      </c>
      <c r="CI16" s="1">
        <v>7571</v>
      </c>
      <c r="CJ16" s="1">
        <v>19961</v>
      </c>
      <c r="CK16" s="1">
        <v>80584</v>
      </c>
      <c r="CL16" s="1">
        <v>148137</v>
      </c>
      <c r="CM16" s="1">
        <v>235504</v>
      </c>
      <c r="CN16" s="1">
        <v>46555</v>
      </c>
      <c r="CO16" s="1">
        <v>165004</v>
      </c>
      <c r="CP16" s="1">
        <v>10413</v>
      </c>
      <c r="CQ16" s="1">
        <v>18105</v>
      </c>
      <c r="CR16" s="1">
        <v>23325</v>
      </c>
      <c r="CS16" s="1">
        <v>5163</v>
      </c>
      <c r="CT16" s="3">
        <v>1776128</v>
      </c>
      <c r="CU16" s="1">
        <v>60544</v>
      </c>
      <c r="CV16" s="1">
        <v>15941</v>
      </c>
      <c r="CW16" s="1">
        <v>3010</v>
      </c>
      <c r="CX16" s="1">
        <v>7204</v>
      </c>
      <c r="CY16" s="1">
        <v>6544</v>
      </c>
      <c r="CZ16" s="1">
        <v>19848</v>
      </c>
      <c r="DA16" s="1">
        <v>37822</v>
      </c>
      <c r="DB16" s="1">
        <v>12014</v>
      </c>
      <c r="DC16" s="1">
        <v>18986</v>
      </c>
      <c r="DD16" s="1">
        <v>12682</v>
      </c>
      <c r="DE16" s="1">
        <v>5390</v>
      </c>
      <c r="DF16" s="1">
        <v>16684</v>
      </c>
      <c r="DG16" s="3">
        <v>216669</v>
      </c>
      <c r="DH16" s="3">
        <v>63513154</v>
      </c>
    </row>
    <row r="17" spans="1:112" ht="10" customHeight="1">
      <c r="A17" s="141"/>
      <c r="B17" s="29"/>
      <c r="C17" s="98" t="s">
        <v>218</v>
      </c>
      <c r="D17" s="90"/>
      <c r="E17" s="90"/>
      <c r="F17" s="91"/>
      <c r="G17" s="1">
        <v>3652981</v>
      </c>
      <c r="H17" s="1">
        <v>735915</v>
      </c>
      <c r="I17" s="1">
        <v>214606</v>
      </c>
      <c r="J17" s="1">
        <v>660433</v>
      </c>
      <c r="K17" s="1">
        <v>204267</v>
      </c>
      <c r="L17" s="1">
        <v>55671</v>
      </c>
      <c r="M17" s="1">
        <v>752028</v>
      </c>
      <c r="N17" s="1">
        <v>174514</v>
      </c>
      <c r="O17" s="1">
        <v>166066</v>
      </c>
      <c r="P17" s="1">
        <v>145827</v>
      </c>
      <c r="Q17" s="1">
        <v>123505</v>
      </c>
      <c r="R17" s="1">
        <v>772210</v>
      </c>
      <c r="S17" s="1">
        <v>335390</v>
      </c>
      <c r="T17" s="1">
        <v>44724</v>
      </c>
      <c r="U17" s="1">
        <v>260899</v>
      </c>
      <c r="V17" s="1">
        <v>322623</v>
      </c>
      <c r="W17" s="1">
        <v>246466</v>
      </c>
      <c r="X17" s="1">
        <v>324633</v>
      </c>
      <c r="Y17" s="1">
        <v>704013</v>
      </c>
      <c r="Z17" s="1">
        <v>109394</v>
      </c>
      <c r="AA17" s="1">
        <v>324523</v>
      </c>
      <c r="AB17" s="1">
        <v>142914</v>
      </c>
      <c r="AC17" s="1">
        <v>204994</v>
      </c>
      <c r="AD17" s="1">
        <v>109443</v>
      </c>
      <c r="AE17" s="1">
        <v>15612</v>
      </c>
      <c r="AF17" s="1">
        <v>436111</v>
      </c>
      <c r="AG17" s="1">
        <v>72407</v>
      </c>
      <c r="AH17" s="1">
        <v>487837</v>
      </c>
      <c r="AI17" s="1">
        <v>109797</v>
      </c>
      <c r="AJ17" s="1">
        <v>112171</v>
      </c>
      <c r="AK17" s="1">
        <v>220025</v>
      </c>
      <c r="AL17" s="1">
        <v>317335</v>
      </c>
      <c r="AM17" s="1">
        <v>145269</v>
      </c>
      <c r="AN17" s="1">
        <v>32978</v>
      </c>
      <c r="AO17" s="1">
        <v>128422</v>
      </c>
      <c r="AP17" s="1">
        <v>171598</v>
      </c>
      <c r="AQ17" s="1">
        <v>755022</v>
      </c>
      <c r="AR17" s="1">
        <v>97276</v>
      </c>
      <c r="AS17" s="1">
        <v>58394</v>
      </c>
      <c r="AT17" s="1">
        <v>72773</v>
      </c>
      <c r="AU17" s="1">
        <v>12320</v>
      </c>
      <c r="AV17" s="1">
        <v>61915</v>
      </c>
      <c r="AW17" s="1">
        <v>60857</v>
      </c>
      <c r="AX17" s="1">
        <v>29083</v>
      </c>
      <c r="AY17" s="1">
        <v>13527</v>
      </c>
      <c r="AZ17" s="1">
        <v>9380</v>
      </c>
      <c r="BA17" s="1">
        <v>2295</v>
      </c>
      <c r="BB17" s="1">
        <v>20008</v>
      </c>
      <c r="BC17" s="1">
        <v>41910</v>
      </c>
      <c r="BD17" s="1">
        <v>47101</v>
      </c>
      <c r="BE17" s="1">
        <v>56164</v>
      </c>
      <c r="BF17" s="1">
        <v>39353</v>
      </c>
      <c r="BG17" s="1">
        <v>234028</v>
      </c>
      <c r="BH17" s="1">
        <v>56802</v>
      </c>
      <c r="BI17" s="1">
        <v>14705809</v>
      </c>
      <c r="BJ17" s="1">
        <v>1937</v>
      </c>
      <c r="BK17" s="1">
        <v>0</v>
      </c>
      <c r="BL17" s="1">
        <v>0</v>
      </c>
      <c r="BM17" s="1">
        <v>13201</v>
      </c>
      <c r="BN17" s="1">
        <v>6358</v>
      </c>
      <c r="BO17" s="1">
        <v>18191</v>
      </c>
      <c r="BP17" s="1">
        <v>5596</v>
      </c>
      <c r="BQ17" s="1">
        <v>15367</v>
      </c>
      <c r="BR17" s="1">
        <v>4334</v>
      </c>
      <c r="BS17" s="1">
        <v>435</v>
      </c>
      <c r="BT17" s="1">
        <v>4910</v>
      </c>
      <c r="BU17" s="1">
        <v>19043</v>
      </c>
      <c r="BV17" s="3">
        <v>89372</v>
      </c>
      <c r="BW17" s="1">
        <v>22935</v>
      </c>
      <c r="BX17" s="1">
        <v>36060</v>
      </c>
      <c r="BY17" s="1">
        <v>27614</v>
      </c>
      <c r="BZ17" s="1">
        <v>5273</v>
      </c>
      <c r="CA17" s="1">
        <v>8140</v>
      </c>
      <c r="CB17" s="1">
        <v>64811</v>
      </c>
      <c r="CC17" s="1">
        <v>38859</v>
      </c>
      <c r="CD17" s="1">
        <v>3460</v>
      </c>
      <c r="CE17" s="1">
        <v>778</v>
      </c>
      <c r="CF17" s="1">
        <v>1179</v>
      </c>
      <c r="CG17" s="1">
        <v>1835</v>
      </c>
      <c r="CH17" s="1">
        <v>274</v>
      </c>
      <c r="CI17" s="1">
        <v>721</v>
      </c>
      <c r="CJ17" s="1">
        <v>654</v>
      </c>
      <c r="CK17" s="1">
        <v>4393</v>
      </c>
      <c r="CL17" s="1">
        <v>489</v>
      </c>
      <c r="CM17" s="1">
        <v>4651</v>
      </c>
      <c r="CN17" s="1">
        <v>292</v>
      </c>
      <c r="CO17" s="1">
        <v>3112</v>
      </c>
      <c r="CP17" s="1">
        <v>362</v>
      </c>
      <c r="CQ17" s="1">
        <v>7146</v>
      </c>
      <c r="CR17" s="1">
        <v>1776</v>
      </c>
      <c r="CS17" s="1">
        <v>0</v>
      </c>
      <c r="CT17" s="3">
        <v>234814</v>
      </c>
      <c r="CU17" s="1">
        <v>17752</v>
      </c>
      <c r="CV17" s="1">
        <v>607</v>
      </c>
      <c r="CW17" s="1">
        <v>6125</v>
      </c>
      <c r="CX17" s="1">
        <v>80</v>
      </c>
      <c r="CY17" s="1">
        <v>619</v>
      </c>
      <c r="CZ17" s="1">
        <v>1291</v>
      </c>
      <c r="DA17" s="1">
        <v>731</v>
      </c>
      <c r="DB17" s="1">
        <v>1441</v>
      </c>
      <c r="DC17" s="1">
        <v>532</v>
      </c>
      <c r="DD17" s="1">
        <v>1619</v>
      </c>
      <c r="DE17" s="1">
        <v>798</v>
      </c>
      <c r="DF17" s="1">
        <v>2813</v>
      </c>
      <c r="DG17" s="3">
        <v>34408</v>
      </c>
      <c r="DH17" s="3">
        <v>15064403</v>
      </c>
    </row>
    <row r="18" spans="1:112" ht="10" customHeight="1">
      <c r="A18" s="141"/>
      <c r="B18" s="29"/>
      <c r="C18" s="98" t="s">
        <v>302</v>
      </c>
      <c r="D18" s="90"/>
      <c r="E18" s="90"/>
      <c r="F18" s="91"/>
      <c r="G18" s="2">
        <v>8309</v>
      </c>
      <c r="H18" s="2">
        <v>22073</v>
      </c>
      <c r="I18" s="2">
        <v>6357</v>
      </c>
      <c r="J18" s="2">
        <v>4535</v>
      </c>
      <c r="K18" s="2">
        <v>7775</v>
      </c>
      <c r="L18" s="2">
        <v>477</v>
      </c>
      <c r="M18" s="2">
        <v>2965</v>
      </c>
      <c r="N18" s="2">
        <v>2326</v>
      </c>
      <c r="O18" s="2">
        <v>7052</v>
      </c>
      <c r="P18" s="2">
        <v>3607</v>
      </c>
      <c r="Q18" s="2">
        <v>754</v>
      </c>
      <c r="R18" s="2">
        <v>3800</v>
      </c>
      <c r="S18" s="2">
        <v>8267</v>
      </c>
      <c r="T18" s="2">
        <v>555</v>
      </c>
      <c r="U18" s="2">
        <v>456</v>
      </c>
      <c r="V18" s="2">
        <v>20640</v>
      </c>
      <c r="W18" s="2">
        <v>5817</v>
      </c>
      <c r="X18" s="2">
        <v>7503</v>
      </c>
      <c r="Y18" s="2">
        <v>15347</v>
      </c>
      <c r="Z18" s="2">
        <v>3896</v>
      </c>
      <c r="AA18" s="2">
        <v>2059</v>
      </c>
      <c r="AB18" s="2">
        <v>800</v>
      </c>
      <c r="AC18" s="2">
        <v>772</v>
      </c>
      <c r="AD18" s="2">
        <v>1607</v>
      </c>
      <c r="AE18" s="2">
        <v>597</v>
      </c>
      <c r="AF18" s="2">
        <v>1009</v>
      </c>
      <c r="AG18" s="2">
        <v>0</v>
      </c>
      <c r="AH18" s="2">
        <v>686</v>
      </c>
      <c r="AI18" s="2">
        <v>154</v>
      </c>
      <c r="AJ18" s="2">
        <v>543</v>
      </c>
      <c r="AK18" s="2">
        <v>7359</v>
      </c>
      <c r="AL18" s="2">
        <v>9612</v>
      </c>
      <c r="AM18" s="2">
        <v>842</v>
      </c>
      <c r="AN18" s="2">
        <v>4403</v>
      </c>
      <c r="AO18" s="2">
        <v>181</v>
      </c>
      <c r="AP18" s="2">
        <v>4446</v>
      </c>
      <c r="AQ18" s="2">
        <v>876</v>
      </c>
      <c r="AR18" s="2">
        <v>174</v>
      </c>
      <c r="AS18" s="2">
        <v>0</v>
      </c>
      <c r="AT18" s="2">
        <v>135</v>
      </c>
      <c r="AU18" s="2">
        <v>0</v>
      </c>
      <c r="AV18" s="2">
        <v>549</v>
      </c>
      <c r="AW18" s="2">
        <v>0</v>
      </c>
      <c r="AX18" s="2">
        <v>50</v>
      </c>
      <c r="AY18" s="2">
        <v>92</v>
      </c>
      <c r="AZ18" s="2">
        <v>0</v>
      </c>
      <c r="BA18" s="2">
        <v>3</v>
      </c>
      <c r="BB18" s="2">
        <v>86</v>
      </c>
      <c r="BC18" s="2">
        <v>870</v>
      </c>
      <c r="BD18" s="2">
        <v>968</v>
      </c>
      <c r="BE18" s="2">
        <v>124</v>
      </c>
      <c r="BF18" s="2">
        <v>114</v>
      </c>
      <c r="BG18" s="2">
        <v>8733</v>
      </c>
      <c r="BH18" s="2">
        <v>6597</v>
      </c>
      <c r="BI18" s="2">
        <v>186952</v>
      </c>
      <c r="BJ18" s="2">
        <v>0</v>
      </c>
      <c r="BK18" s="2">
        <v>0</v>
      </c>
      <c r="BL18" s="2">
        <v>0</v>
      </c>
      <c r="BM18" s="2">
        <v>129</v>
      </c>
      <c r="BN18" s="2">
        <v>0</v>
      </c>
      <c r="BO18" s="2">
        <v>15</v>
      </c>
      <c r="BP18" s="2">
        <v>26</v>
      </c>
      <c r="BQ18" s="2">
        <v>18</v>
      </c>
      <c r="BR18" s="2">
        <v>3</v>
      </c>
      <c r="BS18" s="2">
        <v>13</v>
      </c>
      <c r="BT18" s="2">
        <v>0</v>
      </c>
      <c r="BU18" s="2">
        <v>611</v>
      </c>
      <c r="BV18" s="73">
        <v>815</v>
      </c>
      <c r="BW18" s="2">
        <v>3668</v>
      </c>
      <c r="BX18" s="2">
        <v>24</v>
      </c>
      <c r="BY18" s="2">
        <v>222</v>
      </c>
      <c r="BZ18" s="2">
        <v>21</v>
      </c>
      <c r="CA18" s="2">
        <v>50</v>
      </c>
      <c r="CB18" s="2">
        <v>12133</v>
      </c>
      <c r="CC18" s="2">
        <v>38</v>
      </c>
      <c r="CD18" s="2">
        <v>763</v>
      </c>
      <c r="CE18" s="2">
        <v>0</v>
      </c>
      <c r="CF18" s="2">
        <v>0</v>
      </c>
      <c r="CG18" s="2">
        <v>0</v>
      </c>
      <c r="CH18" s="2">
        <v>23</v>
      </c>
      <c r="CI18" s="2">
        <v>4</v>
      </c>
      <c r="CJ18" s="2">
        <v>0</v>
      </c>
      <c r="CK18" s="2">
        <v>0</v>
      </c>
      <c r="CL18" s="2">
        <v>46</v>
      </c>
      <c r="CM18" s="2">
        <v>51</v>
      </c>
      <c r="CN18" s="2">
        <v>0</v>
      </c>
      <c r="CO18" s="2">
        <v>0</v>
      </c>
      <c r="CP18" s="2">
        <v>0</v>
      </c>
      <c r="CQ18" s="2">
        <v>34</v>
      </c>
      <c r="CR18" s="2">
        <v>48</v>
      </c>
      <c r="CS18" s="2">
        <v>0</v>
      </c>
      <c r="CT18" s="73">
        <v>17125</v>
      </c>
      <c r="CU18" s="2">
        <v>40</v>
      </c>
      <c r="CV18" s="2">
        <v>0</v>
      </c>
      <c r="CW18" s="2">
        <v>30</v>
      </c>
      <c r="CX18" s="2">
        <v>0</v>
      </c>
      <c r="CY18" s="2">
        <v>0</v>
      </c>
      <c r="CZ18" s="2">
        <v>0</v>
      </c>
      <c r="DA18" s="2">
        <v>38</v>
      </c>
      <c r="DB18" s="2">
        <v>0</v>
      </c>
      <c r="DC18" s="2">
        <v>0</v>
      </c>
      <c r="DD18" s="2">
        <v>0</v>
      </c>
      <c r="DE18" s="2">
        <v>0</v>
      </c>
      <c r="DF18" s="2">
        <v>0</v>
      </c>
      <c r="DG18" s="73">
        <v>108</v>
      </c>
      <c r="DH18" s="73">
        <v>205000</v>
      </c>
    </row>
    <row r="19" spans="1:112" ht="10" customHeight="1">
      <c r="A19" s="141"/>
      <c r="B19" s="29"/>
      <c r="C19" s="98" t="s">
        <v>179</v>
      </c>
      <c r="D19" s="90"/>
      <c r="E19" s="90"/>
      <c r="F19" s="91"/>
      <c r="G19" s="1">
        <v>0</v>
      </c>
      <c r="H19" s="1">
        <v>23926</v>
      </c>
      <c r="I19" s="1">
        <v>0</v>
      </c>
      <c r="J19" s="1">
        <v>0</v>
      </c>
      <c r="K19" s="1">
        <v>0</v>
      </c>
      <c r="L19" s="1">
        <v>7409</v>
      </c>
      <c r="M19" s="1">
        <v>8529</v>
      </c>
      <c r="N19" s="1">
        <v>2308</v>
      </c>
      <c r="O19" s="1">
        <v>0</v>
      </c>
      <c r="P19" s="1">
        <v>0</v>
      </c>
      <c r="Q19" s="1">
        <v>0</v>
      </c>
      <c r="R19" s="1">
        <v>0</v>
      </c>
      <c r="S19" s="1">
        <v>21519</v>
      </c>
      <c r="T19" s="1">
        <v>0</v>
      </c>
      <c r="U19" s="1">
        <v>0</v>
      </c>
      <c r="V19" s="1">
        <v>0</v>
      </c>
      <c r="W19" s="1">
        <v>0</v>
      </c>
      <c r="X19" s="1">
        <v>0</v>
      </c>
      <c r="Y19" s="1">
        <v>0</v>
      </c>
      <c r="Z19" s="1">
        <v>0</v>
      </c>
      <c r="AA19" s="1">
        <v>3346</v>
      </c>
      <c r="AB19" s="1">
        <v>1627</v>
      </c>
      <c r="AC19" s="1">
        <v>0</v>
      </c>
      <c r="AD19" s="1">
        <v>26</v>
      </c>
      <c r="AE19" s="1">
        <v>0</v>
      </c>
      <c r="AF19" s="1">
        <v>0</v>
      </c>
      <c r="AG19" s="1">
        <v>0</v>
      </c>
      <c r="AH19" s="1">
        <v>0</v>
      </c>
      <c r="AI19" s="1">
        <v>0</v>
      </c>
      <c r="AJ19" s="1">
        <v>0</v>
      </c>
      <c r="AK19" s="1">
        <v>0</v>
      </c>
      <c r="AL19" s="1">
        <v>0</v>
      </c>
      <c r="AM19" s="1">
        <v>0</v>
      </c>
      <c r="AN19" s="1">
        <v>0</v>
      </c>
      <c r="AO19" s="1">
        <v>0</v>
      </c>
      <c r="AP19" s="1">
        <v>492</v>
      </c>
      <c r="AQ19" s="1">
        <v>1620</v>
      </c>
      <c r="AR19" s="1">
        <v>0</v>
      </c>
      <c r="AS19" s="1">
        <v>0</v>
      </c>
      <c r="AT19" s="1">
        <v>0</v>
      </c>
      <c r="AU19" s="1">
        <v>0</v>
      </c>
      <c r="AV19" s="1">
        <v>0</v>
      </c>
      <c r="AW19" s="1">
        <v>0</v>
      </c>
      <c r="AX19" s="1">
        <v>0</v>
      </c>
      <c r="AY19" s="1">
        <v>0</v>
      </c>
      <c r="AZ19" s="1">
        <v>0</v>
      </c>
      <c r="BA19" s="1">
        <v>0</v>
      </c>
      <c r="BB19" s="1">
        <v>0</v>
      </c>
      <c r="BC19" s="1">
        <v>0</v>
      </c>
      <c r="BD19" s="1">
        <v>0</v>
      </c>
      <c r="BE19" s="1">
        <v>0</v>
      </c>
      <c r="BF19" s="1">
        <v>0</v>
      </c>
      <c r="BG19" s="1">
        <v>0</v>
      </c>
      <c r="BH19" s="1">
        <v>0</v>
      </c>
      <c r="BI19" s="1">
        <v>70802</v>
      </c>
      <c r="BJ19" s="1">
        <v>1</v>
      </c>
      <c r="BK19" s="1">
        <v>0</v>
      </c>
      <c r="BL19" s="1">
        <v>0</v>
      </c>
      <c r="BM19" s="1">
        <v>0</v>
      </c>
      <c r="BN19" s="1">
        <v>0</v>
      </c>
      <c r="BO19" s="1">
        <v>0</v>
      </c>
      <c r="BP19" s="1">
        <v>0</v>
      </c>
      <c r="BQ19" s="1">
        <v>0</v>
      </c>
      <c r="BR19" s="1">
        <v>0</v>
      </c>
      <c r="BS19" s="1">
        <v>0</v>
      </c>
      <c r="BT19" s="1">
        <v>0</v>
      </c>
      <c r="BU19" s="1">
        <v>0</v>
      </c>
      <c r="BV19" s="3">
        <v>1</v>
      </c>
      <c r="BW19" s="1">
        <v>0</v>
      </c>
      <c r="BX19" s="1">
        <v>0</v>
      </c>
      <c r="BY19" s="1">
        <v>0</v>
      </c>
      <c r="BZ19" s="1">
        <v>0</v>
      </c>
      <c r="CA19" s="1">
        <v>0</v>
      </c>
      <c r="CB19" s="1">
        <v>0</v>
      </c>
      <c r="CC19" s="1">
        <v>0</v>
      </c>
      <c r="CD19" s="1">
        <v>0</v>
      </c>
      <c r="CE19" s="1">
        <v>0</v>
      </c>
      <c r="CF19" s="1">
        <v>0</v>
      </c>
      <c r="CG19" s="1">
        <v>0</v>
      </c>
      <c r="CH19" s="1">
        <v>0</v>
      </c>
      <c r="CI19" s="1">
        <v>0</v>
      </c>
      <c r="CJ19" s="1">
        <v>0</v>
      </c>
      <c r="CK19" s="1">
        <v>0</v>
      </c>
      <c r="CL19" s="1">
        <v>0</v>
      </c>
      <c r="CM19" s="1">
        <v>0</v>
      </c>
      <c r="CN19" s="1">
        <v>0</v>
      </c>
      <c r="CO19" s="1">
        <v>0</v>
      </c>
      <c r="CP19" s="1">
        <v>0</v>
      </c>
      <c r="CQ19" s="1">
        <v>0</v>
      </c>
      <c r="CR19" s="1">
        <v>0</v>
      </c>
      <c r="CS19" s="1">
        <v>0</v>
      </c>
      <c r="CT19" s="3">
        <v>0</v>
      </c>
      <c r="CU19" s="1">
        <v>0</v>
      </c>
      <c r="CV19" s="1">
        <v>0</v>
      </c>
      <c r="CW19" s="1">
        <v>0</v>
      </c>
      <c r="CX19" s="1">
        <v>0</v>
      </c>
      <c r="CY19" s="1">
        <v>0</v>
      </c>
      <c r="CZ19" s="1">
        <v>0</v>
      </c>
      <c r="DA19" s="1">
        <v>856</v>
      </c>
      <c r="DB19" s="1">
        <v>0</v>
      </c>
      <c r="DC19" s="1">
        <v>0</v>
      </c>
      <c r="DD19" s="1">
        <v>0</v>
      </c>
      <c r="DE19" s="1">
        <v>0</v>
      </c>
      <c r="DF19" s="1">
        <v>0</v>
      </c>
      <c r="DG19" s="3">
        <v>856</v>
      </c>
      <c r="DH19" s="3">
        <v>71659</v>
      </c>
    </row>
    <row r="20" spans="1:112" ht="10" customHeight="1">
      <c r="A20" s="141"/>
      <c r="B20" s="30"/>
      <c r="C20" s="98" t="s">
        <v>180</v>
      </c>
      <c r="D20" s="90"/>
      <c r="E20" s="90"/>
      <c r="F20" s="91"/>
      <c r="G20" s="1">
        <v>0</v>
      </c>
      <c r="H20" s="1">
        <v>0</v>
      </c>
      <c r="I20" s="1">
        <v>0</v>
      </c>
      <c r="J20" s="1">
        <v>0</v>
      </c>
      <c r="K20" s="1">
        <v>0</v>
      </c>
      <c r="L20" s="1">
        <v>0</v>
      </c>
      <c r="M20" s="1">
        <v>0</v>
      </c>
      <c r="N20" s="1">
        <v>0</v>
      </c>
      <c r="O20" s="1">
        <v>0</v>
      </c>
      <c r="P20" s="1">
        <v>0</v>
      </c>
      <c r="Q20" s="1">
        <v>0</v>
      </c>
      <c r="R20" s="1">
        <v>0</v>
      </c>
      <c r="S20" s="1">
        <v>0</v>
      </c>
      <c r="T20" s="1">
        <v>0</v>
      </c>
      <c r="U20" s="1">
        <v>0</v>
      </c>
      <c r="V20" s="1">
        <v>0</v>
      </c>
      <c r="W20" s="1">
        <v>0</v>
      </c>
      <c r="X20" s="1">
        <v>0</v>
      </c>
      <c r="Y20" s="1">
        <v>0</v>
      </c>
      <c r="Z20" s="1">
        <v>0</v>
      </c>
      <c r="AA20" s="1">
        <v>0</v>
      </c>
      <c r="AB20" s="1">
        <v>0</v>
      </c>
      <c r="AC20" s="1">
        <v>0</v>
      </c>
      <c r="AD20" s="1">
        <v>100</v>
      </c>
      <c r="AE20" s="1">
        <v>0</v>
      </c>
      <c r="AF20" s="1">
        <v>0</v>
      </c>
      <c r="AG20" s="1">
        <v>0</v>
      </c>
      <c r="AH20" s="1">
        <v>0</v>
      </c>
      <c r="AI20" s="1">
        <v>0</v>
      </c>
      <c r="AJ20" s="1">
        <v>0</v>
      </c>
      <c r="AK20" s="1">
        <v>47790</v>
      </c>
      <c r="AL20" s="1">
        <v>0</v>
      </c>
      <c r="AM20" s="1">
        <v>0</v>
      </c>
      <c r="AN20" s="1">
        <v>0</v>
      </c>
      <c r="AO20" s="1">
        <v>0</v>
      </c>
      <c r="AP20" s="1">
        <v>0</v>
      </c>
      <c r="AQ20" s="1">
        <v>0</v>
      </c>
      <c r="AR20" s="1">
        <v>0</v>
      </c>
      <c r="AS20" s="1">
        <v>985</v>
      </c>
      <c r="AT20" s="1">
        <v>0</v>
      </c>
      <c r="AU20" s="1">
        <v>0</v>
      </c>
      <c r="AV20" s="1">
        <v>0</v>
      </c>
      <c r="AW20" s="1">
        <v>0</v>
      </c>
      <c r="AX20" s="1">
        <v>0</v>
      </c>
      <c r="AY20" s="1">
        <v>0</v>
      </c>
      <c r="AZ20" s="1">
        <v>0</v>
      </c>
      <c r="BA20" s="1">
        <v>0</v>
      </c>
      <c r="BB20" s="1">
        <v>0</v>
      </c>
      <c r="BC20" s="1">
        <v>0</v>
      </c>
      <c r="BD20" s="1">
        <v>0</v>
      </c>
      <c r="BE20" s="1">
        <v>0</v>
      </c>
      <c r="BF20" s="1">
        <v>0</v>
      </c>
      <c r="BG20" s="1">
        <v>0</v>
      </c>
      <c r="BH20" s="1">
        <v>0</v>
      </c>
      <c r="BI20" s="1">
        <v>48875</v>
      </c>
      <c r="BJ20" s="1">
        <v>0</v>
      </c>
      <c r="BK20" s="1">
        <v>0</v>
      </c>
      <c r="BL20" s="1">
        <v>0</v>
      </c>
      <c r="BM20" s="1">
        <v>3920</v>
      </c>
      <c r="BN20" s="1">
        <v>0</v>
      </c>
      <c r="BO20" s="1">
        <v>0</v>
      </c>
      <c r="BP20" s="1">
        <v>0</v>
      </c>
      <c r="BQ20" s="1">
        <v>0</v>
      </c>
      <c r="BR20" s="1">
        <v>0</v>
      </c>
      <c r="BS20" s="1">
        <v>0</v>
      </c>
      <c r="BT20" s="1">
        <v>0</v>
      </c>
      <c r="BU20" s="1">
        <v>0</v>
      </c>
      <c r="BV20" s="3">
        <v>3920</v>
      </c>
      <c r="BW20" s="1">
        <v>0</v>
      </c>
      <c r="BX20" s="1">
        <v>0</v>
      </c>
      <c r="BY20" s="1">
        <v>0</v>
      </c>
      <c r="BZ20" s="1">
        <v>0</v>
      </c>
      <c r="CA20" s="1">
        <v>0</v>
      </c>
      <c r="CB20" s="1">
        <v>0</v>
      </c>
      <c r="CC20" s="1">
        <v>0</v>
      </c>
      <c r="CD20" s="1">
        <v>0</v>
      </c>
      <c r="CE20" s="1">
        <v>0</v>
      </c>
      <c r="CF20" s="1">
        <v>0</v>
      </c>
      <c r="CG20" s="1">
        <v>0</v>
      </c>
      <c r="CH20" s="1">
        <v>0</v>
      </c>
      <c r="CI20" s="1">
        <v>0</v>
      </c>
      <c r="CJ20" s="1">
        <v>0</v>
      </c>
      <c r="CK20" s="1">
        <v>0</v>
      </c>
      <c r="CL20" s="1">
        <v>0</v>
      </c>
      <c r="CM20" s="1">
        <v>0</v>
      </c>
      <c r="CN20" s="1">
        <v>0</v>
      </c>
      <c r="CO20" s="1">
        <v>0</v>
      </c>
      <c r="CP20" s="1">
        <v>0</v>
      </c>
      <c r="CQ20" s="1">
        <v>0</v>
      </c>
      <c r="CR20" s="1">
        <v>0</v>
      </c>
      <c r="CS20" s="1">
        <v>0</v>
      </c>
      <c r="CT20" s="3">
        <v>0</v>
      </c>
      <c r="CU20" s="1">
        <v>0</v>
      </c>
      <c r="CV20" s="1">
        <v>0</v>
      </c>
      <c r="CW20" s="1">
        <v>0</v>
      </c>
      <c r="CX20" s="1">
        <v>0</v>
      </c>
      <c r="CY20" s="1">
        <v>0</v>
      </c>
      <c r="CZ20" s="1">
        <v>0</v>
      </c>
      <c r="DA20" s="1">
        <v>0</v>
      </c>
      <c r="DB20" s="1">
        <v>0</v>
      </c>
      <c r="DC20" s="1">
        <v>0</v>
      </c>
      <c r="DD20" s="1">
        <v>0</v>
      </c>
      <c r="DE20" s="1">
        <v>0</v>
      </c>
      <c r="DF20" s="1">
        <v>0</v>
      </c>
      <c r="DG20" s="3">
        <v>0</v>
      </c>
      <c r="DH20" s="3">
        <v>52795</v>
      </c>
    </row>
    <row r="21" spans="1:112" ht="10" customHeight="1">
      <c r="A21" s="141"/>
      <c r="B21" s="98" t="s">
        <v>181</v>
      </c>
      <c r="C21" s="90"/>
      <c r="D21" s="90"/>
      <c r="E21" s="90"/>
      <c r="F21" s="91"/>
      <c r="G21" s="1">
        <v>0</v>
      </c>
      <c r="H21" s="1">
        <v>0</v>
      </c>
      <c r="I21" s="1">
        <v>0</v>
      </c>
      <c r="J21" s="1">
        <v>0</v>
      </c>
      <c r="K21" s="1">
        <v>0</v>
      </c>
      <c r="L21" s="1">
        <v>0</v>
      </c>
      <c r="M21" s="1">
        <v>0</v>
      </c>
      <c r="N21" s="1">
        <v>0</v>
      </c>
      <c r="O21" s="1">
        <v>0</v>
      </c>
      <c r="P21" s="1">
        <v>0</v>
      </c>
      <c r="Q21" s="1">
        <v>0</v>
      </c>
      <c r="R21" s="1">
        <v>0</v>
      </c>
      <c r="S21" s="1">
        <v>0</v>
      </c>
      <c r="T21" s="1">
        <v>0</v>
      </c>
      <c r="U21" s="1">
        <v>0</v>
      </c>
      <c r="V21" s="1">
        <v>0</v>
      </c>
      <c r="W21" s="1">
        <v>0</v>
      </c>
      <c r="X21" s="1">
        <v>0</v>
      </c>
      <c r="Y21" s="1">
        <v>0</v>
      </c>
      <c r="Z21" s="1">
        <v>0</v>
      </c>
      <c r="AA21" s="1">
        <v>0</v>
      </c>
      <c r="AB21" s="1">
        <v>0</v>
      </c>
      <c r="AC21" s="1">
        <v>0</v>
      </c>
      <c r="AD21" s="1">
        <v>0</v>
      </c>
      <c r="AE21" s="1">
        <v>0</v>
      </c>
      <c r="AF21" s="1">
        <v>0</v>
      </c>
      <c r="AG21" s="1">
        <v>0</v>
      </c>
      <c r="AH21" s="1">
        <v>0</v>
      </c>
      <c r="AI21" s="1">
        <v>0</v>
      </c>
      <c r="AJ21" s="1">
        <v>0</v>
      </c>
      <c r="AK21" s="1">
        <v>0</v>
      </c>
      <c r="AL21" s="1">
        <v>0</v>
      </c>
      <c r="AM21" s="1">
        <v>0</v>
      </c>
      <c r="AN21" s="1">
        <v>0</v>
      </c>
      <c r="AO21" s="1">
        <v>0</v>
      </c>
      <c r="AP21" s="1">
        <v>0</v>
      </c>
      <c r="AQ21" s="1">
        <v>0</v>
      </c>
      <c r="AR21" s="1">
        <v>0</v>
      </c>
      <c r="AS21" s="1">
        <v>0</v>
      </c>
      <c r="AT21" s="1">
        <v>0</v>
      </c>
      <c r="AU21" s="1">
        <v>0</v>
      </c>
      <c r="AV21" s="1">
        <v>0</v>
      </c>
      <c r="AW21" s="1">
        <v>0</v>
      </c>
      <c r="AX21" s="1">
        <v>0</v>
      </c>
      <c r="AY21" s="1">
        <v>0</v>
      </c>
      <c r="AZ21" s="1">
        <v>0</v>
      </c>
      <c r="BA21" s="1">
        <v>0</v>
      </c>
      <c r="BB21" s="1">
        <v>0</v>
      </c>
      <c r="BC21" s="1">
        <v>0</v>
      </c>
      <c r="BD21" s="1">
        <v>0</v>
      </c>
      <c r="BE21" s="1">
        <v>0</v>
      </c>
      <c r="BF21" s="1">
        <v>0</v>
      </c>
      <c r="BG21" s="1">
        <v>0</v>
      </c>
      <c r="BH21" s="1">
        <v>0</v>
      </c>
      <c r="BI21" s="1">
        <v>0</v>
      </c>
      <c r="BJ21" s="1">
        <v>0</v>
      </c>
      <c r="BK21" s="1">
        <v>0</v>
      </c>
      <c r="BL21" s="1">
        <v>0</v>
      </c>
      <c r="BM21" s="1">
        <v>0</v>
      </c>
      <c r="BN21" s="1">
        <v>0</v>
      </c>
      <c r="BO21" s="1">
        <v>0</v>
      </c>
      <c r="BP21" s="1">
        <v>0</v>
      </c>
      <c r="BQ21" s="1">
        <v>0</v>
      </c>
      <c r="BR21" s="1">
        <v>0</v>
      </c>
      <c r="BS21" s="1">
        <v>0</v>
      </c>
      <c r="BT21" s="1">
        <v>0</v>
      </c>
      <c r="BU21" s="1">
        <v>0</v>
      </c>
      <c r="BV21" s="3">
        <v>0</v>
      </c>
      <c r="BW21" s="1">
        <v>0</v>
      </c>
      <c r="BX21" s="1">
        <v>0</v>
      </c>
      <c r="BY21" s="1">
        <v>0</v>
      </c>
      <c r="BZ21" s="1">
        <v>0</v>
      </c>
      <c r="CA21" s="1">
        <v>0</v>
      </c>
      <c r="CB21" s="1">
        <v>0</v>
      </c>
      <c r="CC21" s="1">
        <v>0</v>
      </c>
      <c r="CD21" s="1">
        <v>0</v>
      </c>
      <c r="CE21" s="1">
        <v>0</v>
      </c>
      <c r="CF21" s="1">
        <v>0</v>
      </c>
      <c r="CG21" s="1">
        <v>0</v>
      </c>
      <c r="CH21" s="1">
        <v>0</v>
      </c>
      <c r="CI21" s="1">
        <v>0</v>
      </c>
      <c r="CJ21" s="1">
        <v>0</v>
      </c>
      <c r="CK21" s="1">
        <v>0</v>
      </c>
      <c r="CL21" s="1">
        <v>0</v>
      </c>
      <c r="CM21" s="1">
        <v>0</v>
      </c>
      <c r="CN21" s="1">
        <v>0</v>
      </c>
      <c r="CO21" s="1">
        <v>0</v>
      </c>
      <c r="CP21" s="1">
        <v>0</v>
      </c>
      <c r="CQ21" s="1">
        <v>0</v>
      </c>
      <c r="CR21" s="1">
        <v>0</v>
      </c>
      <c r="CS21" s="1">
        <v>0</v>
      </c>
      <c r="CT21" s="3">
        <v>0</v>
      </c>
      <c r="CU21" s="1">
        <v>0</v>
      </c>
      <c r="CV21" s="1">
        <v>0</v>
      </c>
      <c r="CW21" s="1">
        <v>0</v>
      </c>
      <c r="CX21" s="1">
        <v>0</v>
      </c>
      <c r="CY21" s="1">
        <v>0</v>
      </c>
      <c r="CZ21" s="1">
        <v>0</v>
      </c>
      <c r="DA21" s="1">
        <v>0</v>
      </c>
      <c r="DB21" s="1">
        <v>0</v>
      </c>
      <c r="DC21" s="1">
        <v>0</v>
      </c>
      <c r="DD21" s="1">
        <v>0</v>
      </c>
      <c r="DE21" s="1">
        <v>0</v>
      </c>
      <c r="DF21" s="1">
        <v>0</v>
      </c>
      <c r="DG21" s="3">
        <v>0</v>
      </c>
      <c r="DH21" s="3">
        <v>0</v>
      </c>
    </row>
    <row r="22" spans="1:112" ht="10" customHeight="1">
      <c r="A22" s="142"/>
      <c r="B22" s="98" t="s">
        <v>156</v>
      </c>
      <c r="C22" s="90"/>
      <c r="D22" s="90"/>
      <c r="E22" s="90"/>
      <c r="F22" s="91"/>
      <c r="G22" s="1">
        <v>412268168</v>
      </c>
      <c r="H22" s="1">
        <v>80839995</v>
      </c>
      <c r="I22" s="1">
        <v>46095123</v>
      </c>
      <c r="J22" s="1">
        <v>137253113</v>
      </c>
      <c r="K22" s="1">
        <v>22734345</v>
      </c>
      <c r="L22" s="1">
        <v>10569406</v>
      </c>
      <c r="M22" s="1">
        <v>93085288</v>
      </c>
      <c r="N22" s="1">
        <v>29738231</v>
      </c>
      <c r="O22" s="1">
        <v>24559472</v>
      </c>
      <c r="P22" s="1">
        <v>27322055</v>
      </c>
      <c r="Q22" s="1">
        <v>28305569</v>
      </c>
      <c r="R22" s="1">
        <v>61925258</v>
      </c>
      <c r="S22" s="1">
        <v>51101061</v>
      </c>
      <c r="T22" s="1">
        <v>13955444</v>
      </c>
      <c r="U22" s="1">
        <v>39889165</v>
      </c>
      <c r="V22" s="1">
        <v>45812534</v>
      </c>
      <c r="W22" s="1">
        <v>54898385</v>
      </c>
      <c r="X22" s="1">
        <v>85224991</v>
      </c>
      <c r="Y22" s="1">
        <v>75961645</v>
      </c>
      <c r="Z22" s="1">
        <v>13271182</v>
      </c>
      <c r="AA22" s="1">
        <v>30069196</v>
      </c>
      <c r="AB22" s="1">
        <v>29886239</v>
      </c>
      <c r="AC22" s="1">
        <v>21405046</v>
      </c>
      <c r="AD22" s="1">
        <v>17361331</v>
      </c>
      <c r="AE22" s="1">
        <v>14122745</v>
      </c>
      <c r="AF22" s="1">
        <v>51090828</v>
      </c>
      <c r="AG22" s="1">
        <v>21446085</v>
      </c>
      <c r="AH22" s="1">
        <v>43945031</v>
      </c>
      <c r="AI22" s="1">
        <v>11471112</v>
      </c>
      <c r="AJ22" s="1">
        <v>47848751</v>
      </c>
      <c r="AK22" s="1">
        <v>19900362</v>
      </c>
      <c r="AL22" s="1">
        <v>52940654</v>
      </c>
      <c r="AM22" s="1">
        <v>12914907</v>
      </c>
      <c r="AN22" s="1">
        <v>13787428</v>
      </c>
      <c r="AO22" s="1">
        <v>15766685</v>
      </c>
      <c r="AP22" s="1">
        <v>32173935</v>
      </c>
      <c r="AQ22" s="1">
        <v>19931445</v>
      </c>
      <c r="AR22" s="1">
        <v>14756181</v>
      </c>
      <c r="AS22" s="1">
        <v>13817343</v>
      </c>
      <c r="AT22" s="1">
        <v>5373185</v>
      </c>
      <c r="AU22" s="1">
        <v>4346362</v>
      </c>
      <c r="AV22" s="1">
        <v>4982305</v>
      </c>
      <c r="AW22" s="1">
        <v>9084618</v>
      </c>
      <c r="AX22" s="1">
        <v>10250384</v>
      </c>
      <c r="AY22" s="1">
        <v>3573836</v>
      </c>
      <c r="AZ22" s="1">
        <v>1366730</v>
      </c>
      <c r="BA22" s="1">
        <v>862093</v>
      </c>
      <c r="BB22" s="1">
        <v>4724370</v>
      </c>
      <c r="BC22" s="1">
        <v>6902128</v>
      </c>
      <c r="BD22" s="1">
        <v>15466536</v>
      </c>
      <c r="BE22" s="1">
        <v>11651748</v>
      </c>
      <c r="BF22" s="1">
        <v>7299455</v>
      </c>
      <c r="BG22" s="1">
        <v>65598660</v>
      </c>
      <c r="BH22" s="1">
        <v>24202827</v>
      </c>
      <c r="BI22" s="1">
        <v>2015130971</v>
      </c>
      <c r="BJ22" s="1">
        <v>316344</v>
      </c>
      <c r="BK22" s="1">
        <v>1374</v>
      </c>
      <c r="BL22" s="1">
        <v>605303</v>
      </c>
      <c r="BM22" s="1">
        <v>5634891</v>
      </c>
      <c r="BN22" s="1">
        <v>1997669</v>
      </c>
      <c r="BO22" s="1">
        <v>3404463</v>
      </c>
      <c r="BP22" s="1">
        <v>2452538</v>
      </c>
      <c r="BQ22" s="1">
        <v>3037330</v>
      </c>
      <c r="BR22" s="1">
        <v>1306918</v>
      </c>
      <c r="BS22" s="1">
        <v>573864</v>
      </c>
      <c r="BT22" s="1">
        <v>974093</v>
      </c>
      <c r="BU22" s="1">
        <v>8882771</v>
      </c>
      <c r="BV22" s="3">
        <v>29187558</v>
      </c>
      <c r="BW22" s="1">
        <v>5010743</v>
      </c>
      <c r="BX22" s="1">
        <v>2239176</v>
      </c>
      <c r="BY22" s="1">
        <v>9242124</v>
      </c>
      <c r="BZ22" s="1">
        <v>2659869</v>
      </c>
      <c r="CA22" s="1">
        <v>2103564</v>
      </c>
      <c r="CB22" s="1">
        <v>11805402</v>
      </c>
      <c r="CC22" s="1">
        <v>8417638</v>
      </c>
      <c r="CD22" s="1">
        <v>2776126</v>
      </c>
      <c r="CE22" s="1">
        <v>399343</v>
      </c>
      <c r="CF22" s="1">
        <v>489951</v>
      </c>
      <c r="CG22" s="1">
        <v>648565</v>
      </c>
      <c r="CH22" s="1">
        <v>1139282</v>
      </c>
      <c r="CI22" s="1">
        <v>524737</v>
      </c>
      <c r="CJ22" s="1">
        <v>920943</v>
      </c>
      <c r="CK22" s="1">
        <v>1503293</v>
      </c>
      <c r="CL22" s="1">
        <v>1648511</v>
      </c>
      <c r="CM22" s="1">
        <v>5080701</v>
      </c>
      <c r="CN22" s="1">
        <v>716085</v>
      </c>
      <c r="CO22" s="1">
        <v>4697489</v>
      </c>
      <c r="CP22" s="1">
        <v>205594</v>
      </c>
      <c r="CQ22" s="1">
        <v>2104644</v>
      </c>
      <c r="CR22" s="1">
        <v>773264</v>
      </c>
      <c r="CS22" s="1">
        <v>209771</v>
      </c>
      <c r="CT22" s="3">
        <v>65316815</v>
      </c>
      <c r="CU22" s="1">
        <v>1550705</v>
      </c>
      <c r="CV22" s="1">
        <v>169365</v>
      </c>
      <c r="CW22" s="1">
        <v>793716</v>
      </c>
      <c r="CX22" s="1">
        <v>17249</v>
      </c>
      <c r="CY22" s="1">
        <v>34705</v>
      </c>
      <c r="CZ22" s="1">
        <v>180615</v>
      </c>
      <c r="DA22" s="1">
        <v>898403</v>
      </c>
      <c r="DB22" s="1">
        <v>211696</v>
      </c>
      <c r="DC22" s="1">
        <v>857815</v>
      </c>
      <c r="DD22" s="1">
        <v>273993</v>
      </c>
      <c r="DE22" s="1">
        <v>66177</v>
      </c>
      <c r="DF22" s="1">
        <v>158807</v>
      </c>
      <c r="DG22" s="3">
        <v>5213246</v>
      </c>
      <c r="DH22" s="3">
        <v>2114848590</v>
      </c>
    </row>
    <row r="23" spans="1:112" ht="10" customHeight="1">
      <c r="A23" s="140" t="s">
        <v>224</v>
      </c>
      <c r="B23" s="114" t="s">
        <v>182</v>
      </c>
      <c r="C23" s="93"/>
      <c r="D23" s="93"/>
      <c r="E23" s="93"/>
      <c r="F23" s="94"/>
      <c r="G23" s="1">
        <v>162278368</v>
      </c>
      <c r="H23" s="1">
        <v>12285168</v>
      </c>
      <c r="I23" s="1">
        <v>12544849</v>
      </c>
      <c r="J23" s="1">
        <v>48655257</v>
      </c>
      <c r="K23" s="1">
        <v>6941719</v>
      </c>
      <c r="L23" s="1">
        <v>3153771</v>
      </c>
      <c r="M23" s="1">
        <v>20134906</v>
      </c>
      <c r="N23" s="1">
        <v>7195051</v>
      </c>
      <c r="O23" s="1">
        <v>7124975</v>
      </c>
      <c r="P23" s="1">
        <v>9093602</v>
      </c>
      <c r="Q23" s="1">
        <v>5621921</v>
      </c>
      <c r="R23" s="1">
        <v>26111962</v>
      </c>
      <c r="S23" s="1">
        <v>8561278</v>
      </c>
      <c r="T23" s="1">
        <v>3825206</v>
      </c>
      <c r="U23" s="1">
        <v>10380427</v>
      </c>
      <c r="V23" s="1">
        <v>12286513</v>
      </c>
      <c r="W23" s="1">
        <v>16584875</v>
      </c>
      <c r="X23" s="1">
        <v>18035823</v>
      </c>
      <c r="Y23" s="1">
        <v>16200913</v>
      </c>
      <c r="Z23" s="1">
        <v>4835137</v>
      </c>
      <c r="AA23" s="1">
        <v>12773602</v>
      </c>
      <c r="AB23" s="1">
        <v>3585643</v>
      </c>
      <c r="AC23" s="1">
        <v>3750503</v>
      </c>
      <c r="AD23" s="1">
        <v>2719811</v>
      </c>
      <c r="AE23" s="1">
        <v>1977723</v>
      </c>
      <c r="AF23" s="1">
        <v>10613486</v>
      </c>
      <c r="AG23" s="1">
        <v>4619972</v>
      </c>
      <c r="AH23" s="1">
        <v>15943502</v>
      </c>
      <c r="AI23" s="1">
        <v>2785374</v>
      </c>
      <c r="AJ23" s="1">
        <v>19333933</v>
      </c>
      <c r="AK23" s="1">
        <v>3983221</v>
      </c>
      <c r="AL23" s="1">
        <v>24749870</v>
      </c>
      <c r="AM23" s="1">
        <v>3817179</v>
      </c>
      <c r="AN23" s="1">
        <v>3282290</v>
      </c>
      <c r="AO23" s="1">
        <v>4319541</v>
      </c>
      <c r="AP23" s="1">
        <v>4744737</v>
      </c>
      <c r="AQ23" s="1">
        <v>3079098</v>
      </c>
      <c r="AR23" s="1">
        <v>4614890</v>
      </c>
      <c r="AS23" s="1">
        <v>2836243</v>
      </c>
      <c r="AT23" s="1">
        <v>745975</v>
      </c>
      <c r="AU23" s="1">
        <v>916065</v>
      </c>
      <c r="AV23" s="1">
        <v>1167251</v>
      </c>
      <c r="AW23" s="1">
        <v>4009855</v>
      </c>
      <c r="AX23" s="1">
        <v>2138737</v>
      </c>
      <c r="AY23" s="1">
        <v>332512</v>
      </c>
      <c r="AZ23" s="1">
        <v>549050</v>
      </c>
      <c r="BA23" s="1">
        <v>590795</v>
      </c>
      <c r="BB23" s="1">
        <v>2323356</v>
      </c>
      <c r="BC23" s="1">
        <v>2003224</v>
      </c>
      <c r="BD23" s="1">
        <v>2238116</v>
      </c>
      <c r="BE23" s="1">
        <v>2555952</v>
      </c>
      <c r="BF23" s="1">
        <v>1222028</v>
      </c>
      <c r="BG23" s="1">
        <v>12319380</v>
      </c>
      <c r="BH23" s="1">
        <v>3800102</v>
      </c>
      <c r="BI23" s="1">
        <v>582294737</v>
      </c>
      <c r="BJ23" s="1">
        <v>5734</v>
      </c>
      <c r="BK23" s="1">
        <v>0</v>
      </c>
      <c r="BL23" s="1">
        <v>4322</v>
      </c>
      <c r="BM23" s="1">
        <v>2382693</v>
      </c>
      <c r="BN23" s="1">
        <v>517580</v>
      </c>
      <c r="BO23" s="1">
        <v>308019</v>
      </c>
      <c r="BP23" s="1">
        <v>876153</v>
      </c>
      <c r="BQ23" s="1">
        <v>1143305</v>
      </c>
      <c r="BR23" s="1">
        <v>384157</v>
      </c>
      <c r="BS23" s="1">
        <v>200020</v>
      </c>
      <c r="BT23" s="1">
        <v>206508</v>
      </c>
      <c r="BU23" s="1">
        <v>1884426</v>
      </c>
      <c r="BV23" s="3">
        <v>7912917</v>
      </c>
      <c r="BW23" s="1">
        <v>653993</v>
      </c>
      <c r="BX23" s="1">
        <v>507094</v>
      </c>
      <c r="BY23" s="1">
        <v>2087887</v>
      </c>
      <c r="BZ23" s="1">
        <v>761109</v>
      </c>
      <c r="CA23" s="1">
        <v>284215</v>
      </c>
      <c r="CB23" s="1">
        <v>3045477</v>
      </c>
      <c r="CC23" s="1">
        <v>2830283</v>
      </c>
      <c r="CD23" s="1">
        <v>270398</v>
      </c>
      <c r="CE23" s="1">
        <v>110735</v>
      </c>
      <c r="CF23" s="1">
        <v>23755</v>
      </c>
      <c r="CG23" s="1">
        <v>121109</v>
      </c>
      <c r="CH23" s="1">
        <v>256178</v>
      </c>
      <c r="CI23" s="1">
        <v>63374</v>
      </c>
      <c r="CJ23" s="1">
        <v>0</v>
      </c>
      <c r="CK23" s="1">
        <v>320840</v>
      </c>
      <c r="CL23" s="1">
        <v>396234</v>
      </c>
      <c r="CM23" s="1">
        <v>1297980</v>
      </c>
      <c r="CN23" s="1">
        <v>145040</v>
      </c>
      <c r="CO23" s="1">
        <v>602907</v>
      </c>
      <c r="CP23" s="1">
        <v>47258</v>
      </c>
      <c r="CQ23" s="1">
        <v>382460</v>
      </c>
      <c r="CR23" s="1">
        <v>169932</v>
      </c>
      <c r="CS23" s="1">
        <v>23050</v>
      </c>
      <c r="CT23" s="3">
        <v>14401308</v>
      </c>
      <c r="CU23" s="1">
        <v>607364</v>
      </c>
      <c r="CV23" s="1">
        <v>48348</v>
      </c>
      <c r="CW23" s="1">
        <v>203671</v>
      </c>
      <c r="CX23" s="1">
        <v>0</v>
      </c>
      <c r="CY23" s="1">
        <v>17353</v>
      </c>
      <c r="CZ23" s="1">
        <v>93788</v>
      </c>
      <c r="DA23" s="1">
        <v>377011</v>
      </c>
      <c r="DB23" s="1">
        <v>87553</v>
      </c>
      <c r="DC23" s="1">
        <v>244068</v>
      </c>
      <c r="DD23" s="1">
        <v>56465</v>
      </c>
      <c r="DE23" s="1">
        <v>21160</v>
      </c>
      <c r="DF23" s="1">
        <v>45653</v>
      </c>
      <c r="DG23" s="3">
        <v>1802434</v>
      </c>
      <c r="DH23" s="3">
        <v>606411396</v>
      </c>
    </row>
    <row r="24" spans="1:112" ht="10" customHeight="1">
      <c r="A24" s="141"/>
      <c r="B24" s="31"/>
      <c r="C24" s="173" t="s">
        <v>183</v>
      </c>
      <c r="D24" s="175"/>
      <c r="E24" s="175"/>
      <c r="F24" s="176"/>
      <c r="G24" s="1">
        <v>161595576</v>
      </c>
      <c r="H24" s="1">
        <v>11863685</v>
      </c>
      <c r="I24" s="1">
        <v>12544849</v>
      </c>
      <c r="J24" s="1">
        <v>48063470</v>
      </c>
      <c r="K24" s="1">
        <v>6941719</v>
      </c>
      <c r="L24" s="1">
        <v>3153771</v>
      </c>
      <c r="M24" s="1">
        <v>19682314</v>
      </c>
      <c r="N24" s="1">
        <v>7195051</v>
      </c>
      <c r="O24" s="1">
        <v>7124975</v>
      </c>
      <c r="P24" s="1">
        <v>9091558</v>
      </c>
      <c r="Q24" s="1">
        <v>5621921</v>
      </c>
      <c r="R24" s="1">
        <v>26111962</v>
      </c>
      <c r="S24" s="1">
        <v>8561278</v>
      </c>
      <c r="T24" s="1">
        <v>3825206</v>
      </c>
      <c r="U24" s="1">
        <v>9902798</v>
      </c>
      <c r="V24" s="1">
        <v>12195873</v>
      </c>
      <c r="W24" s="1">
        <v>16584875</v>
      </c>
      <c r="X24" s="1">
        <v>18035823</v>
      </c>
      <c r="Y24" s="1">
        <v>16196013</v>
      </c>
      <c r="Z24" s="1">
        <v>4777960</v>
      </c>
      <c r="AA24" s="1">
        <v>12704392</v>
      </c>
      <c r="AB24" s="1">
        <v>3585643</v>
      </c>
      <c r="AC24" s="1">
        <v>3750503</v>
      </c>
      <c r="AD24" s="1">
        <v>2719811</v>
      </c>
      <c r="AE24" s="1">
        <v>1977723</v>
      </c>
      <c r="AF24" s="1">
        <v>10613486</v>
      </c>
      <c r="AG24" s="1">
        <v>4608332</v>
      </c>
      <c r="AH24" s="1">
        <v>15943502</v>
      </c>
      <c r="AI24" s="1">
        <v>2785374</v>
      </c>
      <c r="AJ24" s="1">
        <v>19333933</v>
      </c>
      <c r="AK24" s="1">
        <v>3983221</v>
      </c>
      <c r="AL24" s="1">
        <v>24749870</v>
      </c>
      <c r="AM24" s="1">
        <v>3812714</v>
      </c>
      <c r="AN24" s="1">
        <v>3282290</v>
      </c>
      <c r="AO24" s="1">
        <v>4319541</v>
      </c>
      <c r="AP24" s="1">
        <v>4744737</v>
      </c>
      <c r="AQ24" s="1">
        <v>3079098</v>
      </c>
      <c r="AR24" s="1">
        <v>4614890</v>
      </c>
      <c r="AS24" s="1">
        <v>2836243</v>
      </c>
      <c r="AT24" s="1">
        <v>745975</v>
      </c>
      <c r="AU24" s="1">
        <v>916065</v>
      </c>
      <c r="AV24" s="1">
        <v>1151894</v>
      </c>
      <c r="AW24" s="1">
        <v>4008777</v>
      </c>
      <c r="AX24" s="1">
        <v>2138737</v>
      </c>
      <c r="AY24" s="1">
        <v>328620</v>
      </c>
      <c r="AZ24" s="1">
        <v>549050</v>
      </c>
      <c r="BA24" s="1">
        <v>584705</v>
      </c>
      <c r="BB24" s="1">
        <v>2323356</v>
      </c>
      <c r="BC24" s="1">
        <v>2003224</v>
      </c>
      <c r="BD24" s="1">
        <v>2238116</v>
      </c>
      <c r="BE24" s="1">
        <v>2555952</v>
      </c>
      <c r="BF24" s="1">
        <v>1222028</v>
      </c>
      <c r="BG24" s="1">
        <v>12319380</v>
      </c>
      <c r="BH24" s="1">
        <v>3742067</v>
      </c>
      <c r="BI24" s="1">
        <v>579343926</v>
      </c>
      <c r="BJ24" s="1">
        <v>5734</v>
      </c>
      <c r="BK24" s="1">
        <v>0</v>
      </c>
      <c r="BL24" s="1">
        <v>4322</v>
      </c>
      <c r="BM24" s="1">
        <v>2382693</v>
      </c>
      <c r="BN24" s="1">
        <v>517580</v>
      </c>
      <c r="BO24" s="1">
        <v>308019</v>
      </c>
      <c r="BP24" s="1">
        <v>872261</v>
      </c>
      <c r="BQ24" s="1">
        <v>1143305</v>
      </c>
      <c r="BR24" s="1">
        <v>384157</v>
      </c>
      <c r="BS24" s="1">
        <v>200020</v>
      </c>
      <c r="BT24" s="1">
        <v>206508</v>
      </c>
      <c r="BU24" s="1">
        <v>1834882</v>
      </c>
      <c r="BV24" s="3">
        <v>7859481</v>
      </c>
      <c r="BW24" s="1">
        <v>653993</v>
      </c>
      <c r="BX24" s="1">
        <v>507094</v>
      </c>
      <c r="BY24" s="1">
        <v>2055721</v>
      </c>
      <c r="BZ24" s="1">
        <v>761109</v>
      </c>
      <c r="CA24" s="1">
        <v>245207</v>
      </c>
      <c r="CB24" s="1">
        <v>3045477</v>
      </c>
      <c r="CC24" s="1">
        <v>2830283</v>
      </c>
      <c r="CD24" s="1">
        <v>270398</v>
      </c>
      <c r="CE24" s="1">
        <v>110735</v>
      </c>
      <c r="CF24" s="1">
        <v>23755</v>
      </c>
      <c r="CG24" s="1">
        <v>121109</v>
      </c>
      <c r="CH24" s="1">
        <v>256178</v>
      </c>
      <c r="CI24" s="1">
        <v>57374</v>
      </c>
      <c r="CJ24" s="1">
        <v>0</v>
      </c>
      <c r="CK24" s="1">
        <v>320840</v>
      </c>
      <c r="CL24" s="1">
        <v>396234</v>
      </c>
      <c r="CM24" s="1">
        <v>1292454</v>
      </c>
      <c r="CN24" s="1">
        <v>145040</v>
      </c>
      <c r="CO24" s="1">
        <v>602907</v>
      </c>
      <c r="CP24" s="1">
        <v>47258</v>
      </c>
      <c r="CQ24" s="1">
        <v>382460</v>
      </c>
      <c r="CR24" s="1">
        <v>169932</v>
      </c>
      <c r="CS24" s="1">
        <v>23050</v>
      </c>
      <c r="CT24" s="3">
        <v>14318608</v>
      </c>
      <c r="CU24" s="1">
        <v>607364</v>
      </c>
      <c r="CV24" s="1">
        <v>48348</v>
      </c>
      <c r="CW24" s="1">
        <v>203671</v>
      </c>
      <c r="CX24" s="1">
        <v>0</v>
      </c>
      <c r="CY24" s="1">
        <v>13391</v>
      </c>
      <c r="CZ24" s="1">
        <v>84908</v>
      </c>
      <c r="DA24" s="1">
        <v>377011</v>
      </c>
      <c r="DB24" s="1">
        <v>87553</v>
      </c>
      <c r="DC24" s="1">
        <v>228408</v>
      </c>
      <c r="DD24" s="1">
        <v>56185</v>
      </c>
      <c r="DE24" s="1">
        <v>21160</v>
      </c>
      <c r="DF24" s="1">
        <v>45653</v>
      </c>
      <c r="DG24" s="3">
        <v>1773652</v>
      </c>
      <c r="DH24" s="3">
        <v>603295667</v>
      </c>
    </row>
    <row r="25" spans="1:112" ht="10" customHeight="1">
      <c r="A25" s="141"/>
      <c r="B25" s="29"/>
      <c r="C25" s="98" t="s">
        <v>184</v>
      </c>
      <c r="D25" s="90"/>
      <c r="E25" s="90"/>
      <c r="F25" s="91"/>
      <c r="G25" s="1">
        <v>0</v>
      </c>
      <c r="H25" s="1">
        <v>0</v>
      </c>
      <c r="I25" s="1">
        <v>0</v>
      </c>
      <c r="J25" s="1">
        <v>0</v>
      </c>
      <c r="K25" s="1">
        <v>0</v>
      </c>
      <c r="L25" s="1">
        <v>0</v>
      </c>
      <c r="M25" s="1">
        <v>0</v>
      </c>
      <c r="N25" s="1">
        <v>0</v>
      </c>
      <c r="O25" s="1">
        <v>0</v>
      </c>
      <c r="P25" s="1">
        <v>2044</v>
      </c>
      <c r="Q25" s="1">
        <v>0</v>
      </c>
      <c r="R25" s="1">
        <v>0</v>
      </c>
      <c r="S25" s="1">
        <v>0</v>
      </c>
      <c r="T25" s="1">
        <v>0</v>
      </c>
      <c r="U25" s="1">
        <v>341814</v>
      </c>
      <c r="V25" s="1">
        <v>0</v>
      </c>
      <c r="W25" s="1">
        <v>0</v>
      </c>
      <c r="X25" s="1">
        <v>0</v>
      </c>
      <c r="Y25" s="1">
        <v>0</v>
      </c>
      <c r="Z25" s="1">
        <v>0</v>
      </c>
      <c r="AA25" s="1">
        <v>0</v>
      </c>
      <c r="AB25" s="1">
        <v>0</v>
      </c>
      <c r="AC25" s="1">
        <v>0</v>
      </c>
      <c r="AD25" s="1">
        <v>0</v>
      </c>
      <c r="AE25" s="1">
        <v>0</v>
      </c>
      <c r="AF25" s="1">
        <v>0</v>
      </c>
      <c r="AG25" s="1">
        <v>11640</v>
      </c>
      <c r="AH25" s="1">
        <v>0</v>
      </c>
      <c r="AI25" s="1">
        <v>0</v>
      </c>
      <c r="AJ25" s="1">
        <v>0</v>
      </c>
      <c r="AK25" s="1">
        <v>0</v>
      </c>
      <c r="AL25" s="1">
        <v>0</v>
      </c>
      <c r="AM25" s="1">
        <v>4465</v>
      </c>
      <c r="AN25" s="1">
        <v>0</v>
      </c>
      <c r="AO25" s="1">
        <v>0</v>
      </c>
      <c r="AP25" s="1">
        <v>0</v>
      </c>
      <c r="AQ25" s="1">
        <v>0</v>
      </c>
      <c r="AR25" s="1">
        <v>0</v>
      </c>
      <c r="AS25" s="1">
        <v>0</v>
      </c>
      <c r="AT25" s="1">
        <v>0</v>
      </c>
      <c r="AU25" s="1">
        <v>0</v>
      </c>
      <c r="AV25" s="1">
        <v>15357</v>
      </c>
      <c r="AW25" s="1">
        <v>0</v>
      </c>
      <c r="AX25" s="1">
        <v>0</v>
      </c>
      <c r="AY25" s="1">
        <v>3892</v>
      </c>
      <c r="AZ25" s="1">
        <v>0</v>
      </c>
      <c r="BA25" s="1">
        <v>6090</v>
      </c>
      <c r="BB25" s="1">
        <v>0</v>
      </c>
      <c r="BC25" s="1">
        <v>0</v>
      </c>
      <c r="BD25" s="1">
        <v>0</v>
      </c>
      <c r="BE25" s="1">
        <v>0</v>
      </c>
      <c r="BF25" s="1">
        <v>0</v>
      </c>
      <c r="BG25" s="1">
        <v>0</v>
      </c>
      <c r="BH25" s="1">
        <v>57979</v>
      </c>
      <c r="BI25" s="1">
        <v>443281</v>
      </c>
      <c r="BJ25" s="1">
        <v>0</v>
      </c>
      <c r="BK25" s="1">
        <v>0</v>
      </c>
      <c r="BL25" s="1">
        <v>0</v>
      </c>
      <c r="BM25" s="1">
        <v>0</v>
      </c>
      <c r="BN25" s="1">
        <v>0</v>
      </c>
      <c r="BO25" s="1">
        <v>0</v>
      </c>
      <c r="BP25" s="1">
        <v>3892</v>
      </c>
      <c r="BQ25" s="1">
        <v>0</v>
      </c>
      <c r="BR25" s="1">
        <v>0</v>
      </c>
      <c r="BS25" s="1">
        <v>0</v>
      </c>
      <c r="BT25" s="1">
        <v>0</v>
      </c>
      <c r="BU25" s="1">
        <v>0</v>
      </c>
      <c r="BV25" s="3">
        <v>3892</v>
      </c>
      <c r="BW25" s="1">
        <v>0</v>
      </c>
      <c r="BX25" s="1">
        <v>0</v>
      </c>
      <c r="BY25" s="1">
        <v>32166</v>
      </c>
      <c r="BZ25" s="1">
        <v>0</v>
      </c>
      <c r="CA25" s="1">
        <v>35588</v>
      </c>
      <c r="CB25" s="1">
        <v>0</v>
      </c>
      <c r="CC25" s="1">
        <v>0</v>
      </c>
      <c r="CD25" s="1">
        <v>0</v>
      </c>
      <c r="CE25" s="1">
        <v>0</v>
      </c>
      <c r="CF25" s="1">
        <v>0</v>
      </c>
      <c r="CG25" s="1">
        <v>0</v>
      </c>
      <c r="CH25" s="1">
        <v>0</v>
      </c>
      <c r="CI25" s="1">
        <v>6000</v>
      </c>
      <c r="CJ25" s="1">
        <v>0</v>
      </c>
      <c r="CK25" s="1">
        <v>0</v>
      </c>
      <c r="CL25" s="1">
        <v>0</v>
      </c>
      <c r="CM25" s="1">
        <v>5526</v>
      </c>
      <c r="CN25" s="1">
        <v>0</v>
      </c>
      <c r="CO25" s="1">
        <v>0</v>
      </c>
      <c r="CP25" s="1">
        <v>0</v>
      </c>
      <c r="CQ25" s="1">
        <v>0</v>
      </c>
      <c r="CR25" s="1">
        <v>0</v>
      </c>
      <c r="CS25" s="1">
        <v>0</v>
      </c>
      <c r="CT25" s="3">
        <v>79280</v>
      </c>
      <c r="CU25" s="1">
        <v>0</v>
      </c>
      <c r="CV25" s="1">
        <v>0</v>
      </c>
      <c r="CW25" s="1">
        <v>0</v>
      </c>
      <c r="CX25" s="1">
        <v>0</v>
      </c>
      <c r="CY25" s="1">
        <v>3962</v>
      </c>
      <c r="CZ25" s="1">
        <v>8880</v>
      </c>
      <c r="DA25" s="1">
        <v>0</v>
      </c>
      <c r="DB25" s="1">
        <v>0</v>
      </c>
      <c r="DC25" s="1">
        <v>15660</v>
      </c>
      <c r="DD25" s="1">
        <v>0</v>
      </c>
      <c r="DE25" s="1">
        <v>0</v>
      </c>
      <c r="DF25" s="1">
        <v>0</v>
      </c>
      <c r="DG25" s="3">
        <v>28502</v>
      </c>
      <c r="DH25" s="3">
        <v>554955</v>
      </c>
    </row>
    <row r="26" spans="1:112" ht="10" customHeight="1">
      <c r="A26" s="141"/>
      <c r="B26" s="29"/>
      <c r="C26" s="98" t="s">
        <v>185</v>
      </c>
      <c r="D26" s="90"/>
      <c r="E26" s="90"/>
      <c r="F26" s="91"/>
      <c r="G26" s="1">
        <v>0</v>
      </c>
      <c r="H26" s="1">
        <v>0</v>
      </c>
      <c r="I26" s="1">
        <v>0</v>
      </c>
      <c r="J26" s="1">
        <v>0</v>
      </c>
      <c r="K26" s="1">
        <v>0</v>
      </c>
      <c r="L26" s="1">
        <v>0</v>
      </c>
      <c r="M26" s="1">
        <v>0</v>
      </c>
      <c r="N26" s="1">
        <v>0</v>
      </c>
      <c r="O26" s="1">
        <v>0</v>
      </c>
      <c r="P26" s="1">
        <v>0</v>
      </c>
      <c r="Q26" s="1">
        <v>0</v>
      </c>
      <c r="R26" s="1">
        <v>0</v>
      </c>
      <c r="S26" s="1">
        <v>0</v>
      </c>
      <c r="T26" s="1">
        <v>0</v>
      </c>
      <c r="U26" s="1">
        <v>0</v>
      </c>
      <c r="V26" s="1">
        <v>0</v>
      </c>
      <c r="W26" s="1">
        <v>0</v>
      </c>
      <c r="X26" s="1">
        <v>0</v>
      </c>
      <c r="Y26" s="1">
        <v>0</v>
      </c>
      <c r="Z26" s="1">
        <v>0</v>
      </c>
      <c r="AA26" s="1">
        <v>0</v>
      </c>
      <c r="AB26" s="1">
        <v>0</v>
      </c>
      <c r="AC26" s="1">
        <v>0</v>
      </c>
      <c r="AD26" s="1">
        <v>0</v>
      </c>
      <c r="AE26" s="1">
        <v>0</v>
      </c>
      <c r="AF26" s="1">
        <v>0</v>
      </c>
      <c r="AG26" s="1">
        <v>0</v>
      </c>
      <c r="AH26" s="1">
        <v>0</v>
      </c>
      <c r="AI26" s="1">
        <v>0</v>
      </c>
      <c r="AJ26" s="1">
        <v>0</v>
      </c>
      <c r="AK26" s="1">
        <v>0</v>
      </c>
      <c r="AL26" s="1">
        <v>0</v>
      </c>
      <c r="AM26" s="1">
        <v>0</v>
      </c>
      <c r="AN26" s="1">
        <v>0</v>
      </c>
      <c r="AO26" s="1">
        <v>0</v>
      </c>
      <c r="AP26" s="1">
        <v>0</v>
      </c>
      <c r="AQ26" s="1">
        <v>0</v>
      </c>
      <c r="AR26" s="1">
        <v>0</v>
      </c>
      <c r="AS26" s="1">
        <v>0</v>
      </c>
      <c r="AT26" s="1">
        <v>0</v>
      </c>
      <c r="AU26" s="1">
        <v>0</v>
      </c>
      <c r="AV26" s="1">
        <v>0</v>
      </c>
      <c r="AW26" s="1">
        <v>0</v>
      </c>
      <c r="AX26" s="1">
        <v>0</v>
      </c>
      <c r="AY26" s="1">
        <v>0</v>
      </c>
      <c r="AZ26" s="1">
        <v>0</v>
      </c>
      <c r="BA26" s="1">
        <v>0</v>
      </c>
      <c r="BB26" s="1">
        <v>0</v>
      </c>
      <c r="BC26" s="1">
        <v>0</v>
      </c>
      <c r="BD26" s="1">
        <v>0</v>
      </c>
      <c r="BE26" s="1">
        <v>0</v>
      </c>
      <c r="BF26" s="1">
        <v>0</v>
      </c>
      <c r="BG26" s="1">
        <v>0</v>
      </c>
      <c r="BH26" s="1">
        <v>0</v>
      </c>
      <c r="BI26" s="1">
        <v>0</v>
      </c>
      <c r="BJ26" s="1">
        <v>0</v>
      </c>
      <c r="BK26" s="1">
        <v>0</v>
      </c>
      <c r="BL26" s="1">
        <v>0</v>
      </c>
      <c r="BM26" s="1">
        <v>0</v>
      </c>
      <c r="BN26" s="1">
        <v>0</v>
      </c>
      <c r="BO26" s="1">
        <v>0</v>
      </c>
      <c r="BP26" s="1">
        <v>0</v>
      </c>
      <c r="BQ26" s="1">
        <v>0</v>
      </c>
      <c r="BR26" s="1">
        <v>0</v>
      </c>
      <c r="BS26" s="1">
        <v>0</v>
      </c>
      <c r="BT26" s="1">
        <v>0</v>
      </c>
      <c r="BU26" s="1">
        <v>0</v>
      </c>
      <c r="BV26" s="3">
        <v>0</v>
      </c>
      <c r="BW26" s="1">
        <v>0</v>
      </c>
      <c r="BX26" s="1">
        <v>0</v>
      </c>
      <c r="BY26" s="1">
        <v>0</v>
      </c>
      <c r="BZ26" s="1">
        <v>0</v>
      </c>
      <c r="CA26" s="1">
        <v>0</v>
      </c>
      <c r="CB26" s="1">
        <v>0</v>
      </c>
      <c r="CC26" s="1">
        <v>0</v>
      </c>
      <c r="CD26" s="1">
        <v>0</v>
      </c>
      <c r="CE26" s="1">
        <v>0</v>
      </c>
      <c r="CF26" s="1">
        <v>0</v>
      </c>
      <c r="CG26" s="1">
        <v>0</v>
      </c>
      <c r="CH26" s="1">
        <v>0</v>
      </c>
      <c r="CI26" s="1">
        <v>0</v>
      </c>
      <c r="CJ26" s="1">
        <v>0</v>
      </c>
      <c r="CK26" s="1">
        <v>0</v>
      </c>
      <c r="CL26" s="1">
        <v>0</v>
      </c>
      <c r="CM26" s="1">
        <v>0</v>
      </c>
      <c r="CN26" s="1">
        <v>0</v>
      </c>
      <c r="CO26" s="1">
        <v>0</v>
      </c>
      <c r="CP26" s="1">
        <v>0</v>
      </c>
      <c r="CQ26" s="1">
        <v>0</v>
      </c>
      <c r="CR26" s="1">
        <v>0</v>
      </c>
      <c r="CS26" s="1">
        <v>0</v>
      </c>
      <c r="CT26" s="3">
        <v>0</v>
      </c>
      <c r="CU26" s="1">
        <v>0</v>
      </c>
      <c r="CV26" s="1">
        <v>0</v>
      </c>
      <c r="CW26" s="1">
        <v>0</v>
      </c>
      <c r="CX26" s="1">
        <v>0</v>
      </c>
      <c r="CY26" s="1">
        <v>0</v>
      </c>
      <c r="CZ26" s="1">
        <v>0</v>
      </c>
      <c r="DA26" s="1">
        <v>0</v>
      </c>
      <c r="DB26" s="1">
        <v>0</v>
      </c>
      <c r="DC26" s="1">
        <v>0</v>
      </c>
      <c r="DD26" s="1">
        <v>0</v>
      </c>
      <c r="DE26" s="1">
        <v>0</v>
      </c>
      <c r="DF26" s="1">
        <v>0</v>
      </c>
      <c r="DG26" s="3">
        <v>0</v>
      </c>
      <c r="DH26" s="3">
        <v>0</v>
      </c>
    </row>
    <row r="27" spans="1:112" ht="10" customHeight="1">
      <c r="A27" s="141"/>
      <c r="B27" s="29"/>
      <c r="C27" s="173" t="s">
        <v>186</v>
      </c>
      <c r="D27" s="175"/>
      <c r="E27" s="175"/>
      <c r="F27" s="176"/>
      <c r="G27" s="1">
        <v>0</v>
      </c>
      <c r="H27" s="1">
        <v>0</v>
      </c>
      <c r="I27" s="1">
        <v>0</v>
      </c>
      <c r="J27" s="1">
        <v>0</v>
      </c>
      <c r="K27" s="1">
        <v>0</v>
      </c>
      <c r="L27" s="1">
        <v>0</v>
      </c>
      <c r="M27" s="1">
        <v>0</v>
      </c>
      <c r="N27" s="1">
        <v>0</v>
      </c>
      <c r="O27" s="1">
        <v>0</v>
      </c>
      <c r="P27" s="1">
        <v>0</v>
      </c>
      <c r="Q27" s="1">
        <v>0</v>
      </c>
      <c r="R27" s="1">
        <v>0</v>
      </c>
      <c r="S27" s="1">
        <v>0</v>
      </c>
      <c r="T27" s="1">
        <v>0</v>
      </c>
      <c r="U27" s="1">
        <v>0</v>
      </c>
      <c r="V27" s="1">
        <v>0</v>
      </c>
      <c r="W27" s="1">
        <v>0</v>
      </c>
      <c r="X27" s="1">
        <v>0</v>
      </c>
      <c r="Y27" s="1">
        <v>0</v>
      </c>
      <c r="Z27" s="1">
        <v>0</v>
      </c>
      <c r="AA27" s="1">
        <v>0</v>
      </c>
      <c r="AB27" s="1">
        <v>0</v>
      </c>
      <c r="AC27" s="1">
        <v>0</v>
      </c>
      <c r="AD27" s="1">
        <v>0</v>
      </c>
      <c r="AE27" s="1">
        <v>0</v>
      </c>
      <c r="AF27" s="1">
        <v>0</v>
      </c>
      <c r="AG27" s="1">
        <v>0</v>
      </c>
      <c r="AH27" s="1">
        <v>0</v>
      </c>
      <c r="AI27" s="1">
        <v>0</v>
      </c>
      <c r="AJ27" s="1">
        <v>0</v>
      </c>
      <c r="AK27" s="1">
        <v>0</v>
      </c>
      <c r="AL27" s="1">
        <v>0</v>
      </c>
      <c r="AM27" s="1">
        <v>0</v>
      </c>
      <c r="AN27" s="1">
        <v>0</v>
      </c>
      <c r="AO27" s="1">
        <v>0</v>
      </c>
      <c r="AP27" s="1">
        <v>0</v>
      </c>
      <c r="AQ27" s="1">
        <v>0</v>
      </c>
      <c r="AR27" s="1">
        <v>0</v>
      </c>
      <c r="AS27" s="1">
        <v>0</v>
      </c>
      <c r="AT27" s="1">
        <v>0</v>
      </c>
      <c r="AU27" s="1">
        <v>0</v>
      </c>
      <c r="AV27" s="1">
        <v>0</v>
      </c>
      <c r="AW27" s="1">
        <v>0</v>
      </c>
      <c r="AX27" s="1">
        <v>0</v>
      </c>
      <c r="AY27" s="1">
        <v>0</v>
      </c>
      <c r="AZ27" s="1">
        <v>0</v>
      </c>
      <c r="BA27" s="1">
        <v>0</v>
      </c>
      <c r="BB27" s="1">
        <v>0</v>
      </c>
      <c r="BC27" s="1">
        <v>0</v>
      </c>
      <c r="BD27" s="1">
        <v>0</v>
      </c>
      <c r="BE27" s="1">
        <v>0</v>
      </c>
      <c r="BF27" s="1">
        <v>0</v>
      </c>
      <c r="BG27" s="1">
        <v>0</v>
      </c>
      <c r="BH27" s="1">
        <v>0</v>
      </c>
      <c r="BI27" s="1">
        <v>0</v>
      </c>
      <c r="BJ27" s="1">
        <v>0</v>
      </c>
      <c r="BK27" s="1">
        <v>0</v>
      </c>
      <c r="BL27" s="1">
        <v>0</v>
      </c>
      <c r="BM27" s="1">
        <v>0</v>
      </c>
      <c r="BN27" s="1">
        <v>0</v>
      </c>
      <c r="BO27" s="1">
        <v>0</v>
      </c>
      <c r="BP27" s="1">
        <v>0</v>
      </c>
      <c r="BQ27" s="1">
        <v>0</v>
      </c>
      <c r="BR27" s="1">
        <v>0</v>
      </c>
      <c r="BS27" s="1">
        <v>0</v>
      </c>
      <c r="BT27" s="1">
        <v>0</v>
      </c>
      <c r="BU27" s="1">
        <v>0</v>
      </c>
      <c r="BV27" s="3">
        <v>0</v>
      </c>
      <c r="BW27" s="1">
        <v>0</v>
      </c>
      <c r="BX27" s="1">
        <v>0</v>
      </c>
      <c r="BY27" s="1">
        <v>0</v>
      </c>
      <c r="BZ27" s="1">
        <v>0</v>
      </c>
      <c r="CA27" s="1">
        <v>0</v>
      </c>
      <c r="CB27" s="1">
        <v>0</v>
      </c>
      <c r="CC27" s="1">
        <v>0</v>
      </c>
      <c r="CD27" s="1">
        <v>0</v>
      </c>
      <c r="CE27" s="1">
        <v>0</v>
      </c>
      <c r="CF27" s="1">
        <v>0</v>
      </c>
      <c r="CG27" s="1">
        <v>0</v>
      </c>
      <c r="CH27" s="1">
        <v>0</v>
      </c>
      <c r="CI27" s="1">
        <v>0</v>
      </c>
      <c r="CJ27" s="1">
        <v>0</v>
      </c>
      <c r="CK27" s="1">
        <v>0</v>
      </c>
      <c r="CL27" s="1">
        <v>0</v>
      </c>
      <c r="CM27" s="1">
        <v>0</v>
      </c>
      <c r="CN27" s="1">
        <v>0</v>
      </c>
      <c r="CO27" s="1">
        <v>0</v>
      </c>
      <c r="CP27" s="1">
        <v>0</v>
      </c>
      <c r="CQ27" s="1">
        <v>0</v>
      </c>
      <c r="CR27" s="1">
        <v>0</v>
      </c>
      <c r="CS27" s="1">
        <v>0</v>
      </c>
      <c r="CT27" s="3">
        <v>0</v>
      </c>
      <c r="CU27" s="1">
        <v>0</v>
      </c>
      <c r="CV27" s="1">
        <v>0</v>
      </c>
      <c r="CW27" s="1">
        <v>0</v>
      </c>
      <c r="CX27" s="1">
        <v>0</v>
      </c>
      <c r="CY27" s="1">
        <v>0</v>
      </c>
      <c r="CZ27" s="1">
        <v>0</v>
      </c>
      <c r="DA27" s="1">
        <v>0</v>
      </c>
      <c r="DB27" s="1">
        <v>0</v>
      </c>
      <c r="DC27" s="1">
        <v>0</v>
      </c>
      <c r="DD27" s="1">
        <v>0</v>
      </c>
      <c r="DE27" s="1">
        <v>0</v>
      </c>
      <c r="DF27" s="1">
        <v>0</v>
      </c>
      <c r="DG27" s="3">
        <v>0</v>
      </c>
      <c r="DH27" s="3">
        <v>0</v>
      </c>
    </row>
    <row r="28" spans="1:112" ht="10" customHeight="1">
      <c r="A28" s="141"/>
      <c r="B28" s="29"/>
      <c r="C28" s="98" t="s">
        <v>187</v>
      </c>
      <c r="D28" s="90"/>
      <c r="E28" s="90"/>
      <c r="F28" s="91"/>
      <c r="G28" s="1">
        <v>0</v>
      </c>
      <c r="H28" s="1">
        <v>0</v>
      </c>
      <c r="I28" s="1">
        <v>0</v>
      </c>
      <c r="J28" s="1">
        <v>0</v>
      </c>
      <c r="K28" s="1">
        <v>0</v>
      </c>
      <c r="L28" s="1">
        <v>0</v>
      </c>
      <c r="M28" s="1">
        <v>0</v>
      </c>
      <c r="N28" s="1">
        <v>0</v>
      </c>
      <c r="O28" s="1">
        <v>0</v>
      </c>
      <c r="P28" s="1">
        <v>0</v>
      </c>
      <c r="Q28" s="1">
        <v>0</v>
      </c>
      <c r="R28" s="1">
        <v>0</v>
      </c>
      <c r="S28" s="1">
        <v>0</v>
      </c>
      <c r="T28" s="1">
        <v>0</v>
      </c>
      <c r="U28" s="1">
        <v>0</v>
      </c>
      <c r="V28" s="1">
        <v>0</v>
      </c>
      <c r="W28" s="1">
        <v>0</v>
      </c>
      <c r="X28" s="1">
        <v>0</v>
      </c>
      <c r="Y28" s="1">
        <v>0</v>
      </c>
      <c r="Z28" s="1">
        <v>0</v>
      </c>
      <c r="AA28" s="1">
        <v>0</v>
      </c>
      <c r="AB28" s="1">
        <v>0</v>
      </c>
      <c r="AC28" s="1">
        <v>0</v>
      </c>
      <c r="AD28" s="1">
        <v>0</v>
      </c>
      <c r="AE28" s="1">
        <v>0</v>
      </c>
      <c r="AF28" s="1">
        <v>0</v>
      </c>
      <c r="AG28" s="1">
        <v>0</v>
      </c>
      <c r="AH28" s="1">
        <v>0</v>
      </c>
      <c r="AI28" s="1">
        <v>0</v>
      </c>
      <c r="AJ28" s="1">
        <v>0</v>
      </c>
      <c r="AK28" s="1">
        <v>0</v>
      </c>
      <c r="AL28" s="1">
        <v>0</v>
      </c>
      <c r="AM28" s="1">
        <v>0</v>
      </c>
      <c r="AN28" s="1">
        <v>0</v>
      </c>
      <c r="AO28" s="1">
        <v>0</v>
      </c>
      <c r="AP28" s="1">
        <v>0</v>
      </c>
      <c r="AQ28" s="1">
        <v>0</v>
      </c>
      <c r="AR28" s="1">
        <v>0</v>
      </c>
      <c r="AS28" s="1">
        <v>0</v>
      </c>
      <c r="AT28" s="1">
        <v>0</v>
      </c>
      <c r="AU28" s="1">
        <v>0</v>
      </c>
      <c r="AV28" s="1">
        <v>0</v>
      </c>
      <c r="AW28" s="1">
        <v>0</v>
      </c>
      <c r="AX28" s="1">
        <v>0</v>
      </c>
      <c r="AY28" s="1">
        <v>0</v>
      </c>
      <c r="AZ28" s="1">
        <v>0</v>
      </c>
      <c r="BA28" s="1">
        <v>0</v>
      </c>
      <c r="BB28" s="1">
        <v>0</v>
      </c>
      <c r="BC28" s="1">
        <v>0</v>
      </c>
      <c r="BD28" s="1">
        <v>0</v>
      </c>
      <c r="BE28" s="1">
        <v>0</v>
      </c>
      <c r="BF28" s="1">
        <v>0</v>
      </c>
      <c r="BG28" s="1">
        <v>0</v>
      </c>
      <c r="BH28" s="1">
        <v>0</v>
      </c>
      <c r="BI28" s="1">
        <v>0</v>
      </c>
      <c r="BJ28" s="1">
        <v>0</v>
      </c>
      <c r="BK28" s="1">
        <v>0</v>
      </c>
      <c r="BL28" s="1">
        <v>0</v>
      </c>
      <c r="BM28" s="1">
        <v>0</v>
      </c>
      <c r="BN28" s="1">
        <v>0</v>
      </c>
      <c r="BO28" s="1">
        <v>0</v>
      </c>
      <c r="BP28" s="1">
        <v>0</v>
      </c>
      <c r="BQ28" s="1">
        <v>0</v>
      </c>
      <c r="BR28" s="1">
        <v>0</v>
      </c>
      <c r="BS28" s="1">
        <v>0</v>
      </c>
      <c r="BT28" s="1">
        <v>0</v>
      </c>
      <c r="BU28" s="1">
        <v>0</v>
      </c>
      <c r="BV28" s="3">
        <v>0</v>
      </c>
      <c r="BW28" s="1">
        <v>0</v>
      </c>
      <c r="BX28" s="1">
        <v>0</v>
      </c>
      <c r="BY28" s="1">
        <v>0</v>
      </c>
      <c r="BZ28" s="1">
        <v>0</v>
      </c>
      <c r="CA28" s="1">
        <v>0</v>
      </c>
      <c r="CB28" s="1">
        <v>0</v>
      </c>
      <c r="CC28" s="1">
        <v>0</v>
      </c>
      <c r="CD28" s="1">
        <v>0</v>
      </c>
      <c r="CE28" s="1">
        <v>0</v>
      </c>
      <c r="CF28" s="1">
        <v>0</v>
      </c>
      <c r="CG28" s="1">
        <v>0</v>
      </c>
      <c r="CH28" s="1">
        <v>0</v>
      </c>
      <c r="CI28" s="1">
        <v>0</v>
      </c>
      <c r="CJ28" s="1">
        <v>0</v>
      </c>
      <c r="CK28" s="1">
        <v>0</v>
      </c>
      <c r="CL28" s="1">
        <v>0</v>
      </c>
      <c r="CM28" s="1">
        <v>0</v>
      </c>
      <c r="CN28" s="1">
        <v>0</v>
      </c>
      <c r="CO28" s="1">
        <v>0</v>
      </c>
      <c r="CP28" s="1">
        <v>0</v>
      </c>
      <c r="CQ28" s="1">
        <v>0</v>
      </c>
      <c r="CR28" s="1">
        <v>0</v>
      </c>
      <c r="CS28" s="1">
        <v>0</v>
      </c>
      <c r="CT28" s="3">
        <v>0</v>
      </c>
      <c r="CU28" s="1">
        <v>0</v>
      </c>
      <c r="CV28" s="1">
        <v>0</v>
      </c>
      <c r="CW28" s="1">
        <v>0</v>
      </c>
      <c r="CX28" s="1">
        <v>0</v>
      </c>
      <c r="CY28" s="1">
        <v>0</v>
      </c>
      <c r="CZ28" s="1">
        <v>0</v>
      </c>
      <c r="DA28" s="1">
        <v>0</v>
      </c>
      <c r="DB28" s="1">
        <v>0</v>
      </c>
      <c r="DC28" s="1">
        <v>0</v>
      </c>
      <c r="DD28" s="1">
        <v>0</v>
      </c>
      <c r="DE28" s="1">
        <v>0</v>
      </c>
      <c r="DF28" s="1">
        <v>0</v>
      </c>
      <c r="DG28" s="3">
        <v>0</v>
      </c>
      <c r="DH28" s="3">
        <v>0</v>
      </c>
    </row>
    <row r="29" spans="1:112" ht="10" customHeight="1">
      <c r="A29" s="141"/>
      <c r="B29" s="29"/>
      <c r="C29" s="98" t="s">
        <v>188</v>
      </c>
      <c r="D29" s="90"/>
      <c r="E29" s="90"/>
      <c r="F29" s="91"/>
      <c r="G29" s="1">
        <v>682792</v>
      </c>
      <c r="H29" s="1">
        <v>421483</v>
      </c>
      <c r="I29" s="1">
        <v>0</v>
      </c>
      <c r="J29" s="1">
        <v>591787</v>
      </c>
      <c r="K29" s="1">
        <v>0</v>
      </c>
      <c r="L29" s="1">
        <v>0</v>
      </c>
      <c r="M29" s="1">
        <v>430911</v>
      </c>
      <c r="N29" s="1">
        <v>0</v>
      </c>
      <c r="O29" s="1">
        <v>0</v>
      </c>
      <c r="P29" s="1">
        <v>0</v>
      </c>
      <c r="Q29" s="1">
        <v>0</v>
      </c>
      <c r="R29" s="1">
        <v>0</v>
      </c>
      <c r="S29" s="1">
        <v>0</v>
      </c>
      <c r="T29" s="1">
        <v>0</v>
      </c>
      <c r="U29" s="1">
        <v>135815</v>
      </c>
      <c r="V29" s="1">
        <v>90640</v>
      </c>
      <c r="W29" s="1">
        <v>0</v>
      </c>
      <c r="X29" s="1">
        <v>0</v>
      </c>
      <c r="Y29" s="1">
        <v>0</v>
      </c>
      <c r="Z29" s="1">
        <v>57177</v>
      </c>
      <c r="AA29" s="1">
        <v>69210</v>
      </c>
      <c r="AB29" s="1">
        <v>0</v>
      </c>
      <c r="AC29" s="1">
        <v>0</v>
      </c>
      <c r="AD29" s="1">
        <v>0</v>
      </c>
      <c r="AE29" s="1">
        <v>0</v>
      </c>
      <c r="AF29" s="1">
        <v>0</v>
      </c>
      <c r="AG29" s="1">
        <v>0</v>
      </c>
      <c r="AH29" s="1">
        <v>0</v>
      </c>
      <c r="AI29" s="1">
        <v>0</v>
      </c>
      <c r="AJ29" s="1">
        <v>0</v>
      </c>
      <c r="AK29" s="1">
        <v>0</v>
      </c>
      <c r="AL29" s="1">
        <v>0</v>
      </c>
      <c r="AM29" s="1">
        <v>0</v>
      </c>
      <c r="AN29" s="1">
        <v>0</v>
      </c>
      <c r="AO29" s="1">
        <v>0</v>
      </c>
      <c r="AP29" s="1">
        <v>0</v>
      </c>
      <c r="AQ29" s="1">
        <v>0</v>
      </c>
      <c r="AR29" s="1">
        <v>0</v>
      </c>
      <c r="AS29" s="1">
        <v>0</v>
      </c>
      <c r="AT29" s="1">
        <v>0</v>
      </c>
      <c r="AU29" s="1">
        <v>0</v>
      </c>
      <c r="AV29" s="1">
        <v>0</v>
      </c>
      <c r="AW29" s="1">
        <v>1078</v>
      </c>
      <c r="AX29" s="1">
        <v>0</v>
      </c>
      <c r="AY29" s="1">
        <v>0</v>
      </c>
      <c r="AZ29" s="1">
        <v>0</v>
      </c>
      <c r="BA29" s="1">
        <v>0</v>
      </c>
      <c r="BB29" s="1">
        <v>0</v>
      </c>
      <c r="BC29" s="1">
        <v>0</v>
      </c>
      <c r="BD29" s="1">
        <v>0</v>
      </c>
      <c r="BE29" s="1">
        <v>0</v>
      </c>
      <c r="BF29" s="1">
        <v>0</v>
      </c>
      <c r="BG29" s="1">
        <v>0</v>
      </c>
      <c r="BH29" s="1">
        <v>0</v>
      </c>
      <c r="BI29" s="1">
        <v>2480893</v>
      </c>
      <c r="BJ29" s="1">
        <v>0</v>
      </c>
      <c r="BK29" s="1">
        <v>0</v>
      </c>
      <c r="BL29" s="1">
        <v>0</v>
      </c>
      <c r="BM29" s="1">
        <v>0</v>
      </c>
      <c r="BN29" s="1">
        <v>0</v>
      </c>
      <c r="BO29" s="1">
        <v>0</v>
      </c>
      <c r="BP29" s="1">
        <v>0</v>
      </c>
      <c r="BQ29" s="1">
        <v>0</v>
      </c>
      <c r="BR29" s="1">
        <v>0</v>
      </c>
      <c r="BS29" s="1">
        <v>0</v>
      </c>
      <c r="BT29" s="1">
        <v>0</v>
      </c>
      <c r="BU29" s="1">
        <v>49544</v>
      </c>
      <c r="BV29" s="3">
        <v>49544</v>
      </c>
      <c r="BW29" s="1">
        <v>0</v>
      </c>
      <c r="BX29" s="1">
        <v>0</v>
      </c>
      <c r="BY29" s="1">
        <v>0</v>
      </c>
      <c r="BZ29" s="1">
        <v>0</v>
      </c>
      <c r="CA29" s="1">
        <v>3420</v>
      </c>
      <c r="CB29" s="1">
        <v>0</v>
      </c>
      <c r="CC29" s="1">
        <v>0</v>
      </c>
      <c r="CD29" s="1">
        <v>0</v>
      </c>
      <c r="CE29" s="1">
        <v>0</v>
      </c>
      <c r="CF29" s="1">
        <v>0</v>
      </c>
      <c r="CG29" s="1">
        <v>0</v>
      </c>
      <c r="CH29" s="1">
        <v>0</v>
      </c>
      <c r="CI29" s="1">
        <v>0</v>
      </c>
      <c r="CJ29" s="1">
        <v>0</v>
      </c>
      <c r="CK29" s="1">
        <v>0</v>
      </c>
      <c r="CL29" s="1">
        <v>0</v>
      </c>
      <c r="CM29" s="1">
        <v>0</v>
      </c>
      <c r="CN29" s="1">
        <v>0</v>
      </c>
      <c r="CO29" s="1">
        <v>0</v>
      </c>
      <c r="CP29" s="1">
        <v>0</v>
      </c>
      <c r="CQ29" s="1">
        <v>0</v>
      </c>
      <c r="CR29" s="1">
        <v>0</v>
      </c>
      <c r="CS29" s="1">
        <v>0</v>
      </c>
      <c r="CT29" s="3">
        <v>3420</v>
      </c>
      <c r="CU29" s="1">
        <v>0</v>
      </c>
      <c r="CV29" s="1">
        <v>0</v>
      </c>
      <c r="CW29" s="1">
        <v>0</v>
      </c>
      <c r="CX29" s="1">
        <v>0</v>
      </c>
      <c r="CY29" s="1">
        <v>0</v>
      </c>
      <c r="CZ29" s="1">
        <v>0</v>
      </c>
      <c r="DA29" s="1">
        <v>0</v>
      </c>
      <c r="DB29" s="1">
        <v>0</v>
      </c>
      <c r="DC29" s="1">
        <v>0</v>
      </c>
      <c r="DD29" s="1">
        <v>0</v>
      </c>
      <c r="DE29" s="1">
        <v>0</v>
      </c>
      <c r="DF29" s="1">
        <v>0</v>
      </c>
      <c r="DG29" s="3">
        <v>0</v>
      </c>
      <c r="DH29" s="3">
        <v>2533857</v>
      </c>
    </row>
    <row r="30" spans="1:112" ht="10" customHeight="1">
      <c r="A30" s="141"/>
      <c r="B30" s="29"/>
      <c r="C30" s="98" t="s">
        <v>225</v>
      </c>
      <c r="D30" s="90"/>
      <c r="E30" s="90"/>
      <c r="F30" s="91"/>
      <c r="G30" s="1">
        <v>0</v>
      </c>
      <c r="H30" s="1">
        <v>0</v>
      </c>
      <c r="I30" s="1">
        <v>0</v>
      </c>
      <c r="J30" s="1">
        <v>0</v>
      </c>
      <c r="K30" s="1">
        <v>0</v>
      </c>
      <c r="L30" s="1">
        <v>0</v>
      </c>
      <c r="M30" s="1">
        <v>21681</v>
      </c>
      <c r="N30" s="1">
        <v>0</v>
      </c>
      <c r="O30" s="1">
        <v>0</v>
      </c>
      <c r="P30" s="1">
        <v>0</v>
      </c>
      <c r="Q30" s="1">
        <v>0</v>
      </c>
      <c r="R30" s="1">
        <v>0</v>
      </c>
      <c r="S30" s="1">
        <v>0</v>
      </c>
      <c r="T30" s="1">
        <v>0</v>
      </c>
      <c r="U30" s="1">
        <v>0</v>
      </c>
      <c r="V30" s="1">
        <v>0</v>
      </c>
      <c r="W30" s="1">
        <v>0</v>
      </c>
      <c r="X30" s="1">
        <v>0</v>
      </c>
      <c r="Y30" s="1">
        <v>0</v>
      </c>
      <c r="Z30" s="1">
        <v>0</v>
      </c>
      <c r="AA30" s="1">
        <v>0</v>
      </c>
      <c r="AB30" s="1">
        <v>0</v>
      </c>
      <c r="AC30" s="1">
        <v>0</v>
      </c>
      <c r="AD30" s="1">
        <v>0</v>
      </c>
      <c r="AE30" s="1">
        <v>0</v>
      </c>
      <c r="AF30" s="1">
        <v>0</v>
      </c>
      <c r="AG30" s="1">
        <v>0</v>
      </c>
      <c r="AH30" s="1">
        <v>0</v>
      </c>
      <c r="AI30" s="1">
        <v>0</v>
      </c>
      <c r="AJ30" s="1">
        <v>0</v>
      </c>
      <c r="AK30" s="1">
        <v>0</v>
      </c>
      <c r="AL30" s="1">
        <v>0</v>
      </c>
      <c r="AM30" s="1">
        <v>0</v>
      </c>
      <c r="AN30" s="1">
        <v>0</v>
      </c>
      <c r="AO30" s="1">
        <v>0</v>
      </c>
      <c r="AP30" s="1">
        <v>0</v>
      </c>
      <c r="AQ30" s="1">
        <v>0</v>
      </c>
      <c r="AR30" s="1">
        <v>0</v>
      </c>
      <c r="AS30" s="1">
        <v>0</v>
      </c>
      <c r="AT30" s="1">
        <v>0</v>
      </c>
      <c r="AU30" s="1">
        <v>0</v>
      </c>
      <c r="AV30" s="1">
        <v>0</v>
      </c>
      <c r="AW30" s="1">
        <v>0</v>
      </c>
      <c r="AX30" s="1">
        <v>0</v>
      </c>
      <c r="AY30" s="1">
        <v>0</v>
      </c>
      <c r="AZ30" s="1">
        <v>0</v>
      </c>
      <c r="BA30" s="1">
        <v>0</v>
      </c>
      <c r="BB30" s="1">
        <v>0</v>
      </c>
      <c r="BC30" s="1">
        <v>0</v>
      </c>
      <c r="BD30" s="1">
        <v>0</v>
      </c>
      <c r="BE30" s="1">
        <v>0</v>
      </c>
      <c r="BF30" s="1">
        <v>0</v>
      </c>
      <c r="BG30" s="1">
        <v>0</v>
      </c>
      <c r="BH30" s="1">
        <v>0</v>
      </c>
      <c r="BI30" s="1">
        <v>21681</v>
      </c>
      <c r="BJ30" s="1">
        <v>0</v>
      </c>
      <c r="BK30" s="1">
        <v>0</v>
      </c>
      <c r="BL30" s="1">
        <v>0</v>
      </c>
      <c r="BM30" s="1">
        <v>0</v>
      </c>
      <c r="BN30" s="1">
        <v>0</v>
      </c>
      <c r="BO30" s="1">
        <v>0</v>
      </c>
      <c r="BP30" s="1">
        <v>0</v>
      </c>
      <c r="BQ30" s="1">
        <v>0</v>
      </c>
      <c r="BR30" s="1">
        <v>0</v>
      </c>
      <c r="BS30" s="1">
        <v>0</v>
      </c>
      <c r="BT30" s="1">
        <v>0</v>
      </c>
      <c r="BU30" s="1">
        <v>0</v>
      </c>
      <c r="BV30" s="3">
        <v>0</v>
      </c>
      <c r="BW30" s="1">
        <v>0</v>
      </c>
      <c r="BX30" s="1">
        <v>0</v>
      </c>
      <c r="BY30" s="1">
        <v>0</v>
      </c>
      <c r="BZ30" s="1">
        <v>0</v>
      </c>
      <c r="CA30" s="1">
        <v>0</v>
      </c>
      <c r="CB30" s="1">
        <v>0</v>
      </c>
      <c r="CC30" s="1">
        <v>0</v>
      </c>
      <c r="CD30" s="1">
        <v>0</v>
      </c>
      <c r="CE30" s="1">
        <v>0</v>
      </c>
      <c r="CF30" s="1">
        <v>0</v>
      </c>
      <c r="CG30" s="1">
        <v>0</v>
      </c>
      <c r="CH30" s="1">
        <v>0</v>
      </c>
      <c r="CI30" s="1">
        <v>0</v>
      </c>
      <c r="CJ30" s="1">
        <v>0</v>
      </c>
      <c r="CK30" s="1">
        <v>0</v>
      </c>
      <c r="CL30" s="1">
        <v>0</v>
      </c>
      <c r="CM30" s="1">
        <v>0</v>
      </c>
      <c r="CN30" s="1">
        <v>0</v>
      </c>
      <c r="CO30" s="1">
        <v>0</v>
      </c>
      <c r="CP30" s="1">
        <v>0</v>
      </c>
      <c r="CQ30" s="1">
        <v>0</v>
      </c>
      <c r="CR30" s="1">
        <v>0</v>
      </c>
      <c r="CS30" s="1">
        <v>0</v>
      </c>
      <c r="CT30" s="3">
        <v>0</v>
      </c>
      <c r="CU30" s="1">
        <v>0</v>
      </c>
      <c r="CV30" s="1">
        <v>0</v>
      </c>
      <c r="CW30" s="1">
        <v>0</v>
      </c>
      <c r="CX30" s="1">
        <v>0</v>
      </c>
      <c r="CY30" s="1">
        <v>0</v>
      </c>
      <c r="CZ30" s="1">
        <v>0</v>
      </c>
      <c r="DA30" s="1">
        <v>0</v>
      </c>
      <c r="DB30" s="1">
        <v>0</v>
      </c>
      <c r="DC30" s="1">
        <v>0</v>
      </c>
      <c r="DD30" s="1">
        <v>260</v>
      </c>
      <c r="DE30" s="1">
        <v>0</v>
      </c>
      <c r="DF30" s="1">
        <v>0</v>
      </c>
      <c r="DG30" s="3">
        <v>260</v>
      </c>
      <c r="DH30" s="3">
        <v>21941</v>
      </c>
    </row>
    <row r="31" spans="1:112" ht="10" customHeight="1">
      <c r="A31" s="141"/>
      <c r="B31" s="29"/>
      <c r="C31" s="98" t="s">
        <v>226</v>
      </c>
      <c r="D31" s="90"/>
      <c r="E31" s="90"/>
      <c r="F31" s="91"/>
      <c r="G31" s="1">
        <v>0</v>
      </c>
      <c r="H31" s="1">
        <v>0</v>
      </c>
      <c r="I31" s="1">
        <v>0</v>
      </c>
      <c r="J31" s="1">
        <v>0</v>
      </c>
      <c r="K31" s="1">
        <v>0</v>
      </c>
      <c r="L31" s="1">
        <v>0</v>
      </c>
      <c r="M31" s="1">
        <v>0</v>
      </c>
      <c r="N31" s="1">
        <v>0</v>
      </c>
      <c r="O31" s="1">
        <v>0</v>
      </c>
      <c r="P31" s="1">
        <v>0</v>
      </c>
      <c r="Q31" s="1">
        <v>0</v>
      </c>
      <c r="R31" s="1">
        <v>0</v>
      </c>
      <c r="S31" s="1">
        <v>0</v>
      </c>
      <c r="T31" s="1">
        <v>0</v>
      </c>
      <c r="U31" s="1">
        <v>0</v>
      </c>
      <c r="V31" s="1">
        <v>0</v>
      </c>
      <c r="W31" s="1">
        <v>0</v>
      </c>
      <c r="X31" s="1">
        <v>0</v>
      </c>
      <c r="Y31" s="1">
        <v>4900</v>
      </c>
      <c r="Z31" s="1">
        <v>0</v>
      </c>
      <c r="AA31" s="1">
        <v>0</v>
      </c>
      <c r="AB31" s="1">
        <v>0</v>
      </c>
      <c r="AC31" s="1">
        <v>0</v>
      </c>
      <c r="AD31" s="1">
        <v>0</v>
      </c>
      <c r="AE31" s="1">
        <v>0</v>
      </c>
      <c r="AF31" s="1">
        <v>0</v>
      </c>
      <c r="AG31" s="1">
        <v>0</v>
      </c>
      <c r="AH31" s="1">
        <v>0</v>
      </c>
      <c r="AI31" s="1">
        <v>0</v>
      </c>
      <c r="AJ31" s="1">
        <v>0</v>
      </c>
      <c r="AK31" s="1">
        <v>0</v>
      </c>
      <c r="AL31" s="1">
        <v>0</v>
      </c>
      <c r="AM31" s="1">
        <v>0</v>
      </c>
      <c r="AN31" s="1">
        <v>0</v>
      </c>
      <c r="AO31" s="1">
        <v>0</v>
      </c>
      <c r="AP31" s="1">
        <v>0</v>
      </c>
      <c r="AQ31" s="1">
        <v>0</v>
      </c>
      <c r="AR31" s="1">
        <v>0</v>
      </c>
      <c r="AS31" s="1">
        <v>0</v>
      </c>
      <c r="AT31" s="1">
        <v>0</v>
      </c>
      <c r="AU31" s="1">
        <v>0</v>
      </c>
      <c r="AV31" s="1">
        <v>0</v>
      </c>
      <c r="AW31" s="1">
        <v>0</v>
      </c>
      <c r="AX31" s="1">
        <v>0</v>
      </c>
      <c r="AY31" s="1">
        <v>0</v>
      </c>
      <c r="AZ31" s="1">
        <v>0</v>
      </c>
      <c r="BA31" s="1">
        <v>0</v>
      </c>
      <c r="BB31" s="1">
        <v>0</v>
      </c>
      <c r="BC31" s="1">
        <v>0</v>
      </c>
      <c r="BD31" s="1">
        <v>0</v>
      </c>
      <c r="BE31" s="1">
        <v>0</v>
      </c>
      <c r="BF31" s="1">
        <v>0</v>
      </c>
      <c r="BG31" s="1">
        <v>0</v>
      </c>
      <c r="BH31" s="1">
        <v>56</v>
      </c>
      <c r="BI31" s="1">
        <v>4956</v>
      </c>
      <c r="BJ31" s="1">
        <v>0</v>
      </c>
      <c r="BK31" s="1">
        <v>0</v>
      </c>
      <c r="BL31" s="1">
        <v>0</v>
      </c>
      <c r="BM31" s="1">
        <v>0</v>
      </c>
      <c r="BN31" s="1">
        <v>0</v>
      </c>
      <c r="BO31" s="1">
        <v>0</v>
      </c>
      <c r="BP31" s="1">
        <v>0</v>
      </c>
      <c r="BQ31" s="1">
        <v>0</v>
      </c>
      <c r="BR31" s="1">
        <v>0</v>
      </c>
      <c r="BS31" s="1">
        <v>0</v>
      </c>
      <c r="BT31" s="1">
        <v>0</v>
      </c>
      <c r="BU31" s="1">
        <v>0</v>
      </c>
      <c r="BV31" s="3">
        <v>0</v>
      </c>
      <c r="BW31" s="1">
        <v>0</v>
      </c>
      <c r="BX31" s="1">
        <v>0</v>
      </c>
      <c r="BY31" s="1">
        <v>0</v>
      </c>
      <c r="BZ31" s="1">
        <v>0</v>
      </c>
      <c r="CA31" s="1">
        <v>0</v>
      </c>
      <c r="CB31" s="1">
        <v>0</v>
      </c>
      <c r="CC31" s="1">
        <v>0</v>
      </c>
      <c r="CD31" s="1">
        <v>0</v>
      </c>
      <c r="CE31" s="1">
        <v>0</v>
      </c>
      <c r="CF31" s="1">
        <v>0</v>
      </c>
      <c r="CG31" s="1">
        <v>0</v>
      </c>
      <c r="CH31" s="1">
        <v>0</v>
      </c>
      <c r="CI31" s="1">
        <v>0</v>
      </c>
      <c r="CJ31" s="1">
        <v>0</v>
      </c>
      <c r="CK31" s="1">
        <v>0</v>
      </c>
      <c r="CL31" s="1">
        <v>0</v>
      </c>
      <c r="CM31" s="1">
        <v>0</v>
      </c>
      <c r="CN31" s="1">
        <v>0</v>
      </c>
      <c r="CO31" s="1">
        <v>0</v>
      </c>
      <c r="CP31" s="1">
        <v>0</v>
      </c>
      <c r="CQ31" s="1">
        <v>0</v>
      </c>
      <c r="CR31" s="1">
        <v>0</v>
      </c>
      <c r="CS31" s="1">
        <v>0</v>
      </c>
      <c r="CT31" s="3">
        <v>0</v>
      </c>
      <c r="CU31" s="1">
        <v>0</v>
      </c>
      <c r="CV31" s="1">
        <v>0</v>
      </c>
      <c r="CW31" s="1">
        <v>0</v>
      </c>
      <c r="CX31" s="1">
        <v>0</v>
      </c>
      <c r="CY31" s="1">
        <v>0</v>
      </c>
      <c r="CZ31" s="1">
        <v>0</v>
      </c>
      <c r="DA31" s="1">
        <v>0</v>
      </c>
      <c r="DB31" s="1">
        <v>0</v>
      </c>
      <c r="DC31" s="1">
        <v>0</v>
      </c>
      <c r="DD31" s="1">
        <v>20</v>
      </c>
      <c r="DE31" s="1">
        <v>0</v>
      </c>
      <c r="DF31" s="1">
        <v>0</v>
      </c>
      <c r="DG31" s="3">
        <v>20</v>
      </c>
      <c r="DH31" s="3">
        <v>4976</v>
      </c>
    </row>
    <row r="32" spans="1:112" ht="10" customHeight="1">
      <c r="A32" s="141"/>
      <c r="B32" s="114" t="s">
        <v>189</v>
      </c>
      <c r="C32" s="93"/>
      <c r="D32" s="93"/>
      <c r="E32" s="93"/>
      <c r="F32" s="94"/>
      <c r="G32" s="1">
        <v>15191556</v>
      </c>
      <c r="H32" s="1">
        <v>2506942</v>
      </c>
      <c r="I32" s="1">
        <v>1355489</v>
      </c>
      <c r="J32" s="1">
        <v>5429329</v>
      </c>
      <c r="K32" s="1">
        <v>1077478</v>
      </c>
      <c r="L32" s="1">
        <v>498291</v>
      </c>
      <c r="M32" s="1">
        <v>2060635</v>
      </c>
      <c r="N32" s="1">
        <v>959149</v>
      </c>
      <c r="O32" s="1">
        <v>1087750</v>
      </c>
      <c r="P32" s="1">
        <v>818610</v>
      </c>
      <c r="Q32" s="1">
        <v>802083</v>
      </c>
      <c r="R32" s="1">
        <v>3911213</v>
      </c>
      <c r="S32" s="1">
        <v>974916</v>
      </c>
      <c r="T32" s="1">
        <v>534380</v>
      </c>
      <c r="U32" s="1">
        <v>1003872</v>
      </c>
      <c r="V32" s="1">
        <v>1789005</v>
      </c>
      <c r="W32" s="1">
        <v>1459821</v>
      </c>
      <c r="X32" s="1">
        <v>3312182</v>
      </c>
      <c r="Y32" s="1">
        <v>3317912</v>
      </c>
      <c r="Z32" s="1">
        <v>713191</v>
      </c>
      <c r="AA32" s="1">
        <v>1453821</v>
      </c>
      <c r="AB32" s="1">
        <v>727810</v>
      </c>
      <c r="AC32" s="1">
        <v>366430</v>
      </c>
      <c r="AD32" s="1">
        <v>522813</v>
      </c>
      <c r="AE32" s="1">
        <v>435504</v>
      </c>
      <c r="AF32" s="1">
        <v>1114267</v>
      </c>
      <c r="AG32" s="1">
        <v>514587</v>
      </c>
      <c r="AH32" s="1">
        <v>2490681</v>
      </c>
      <c r="AI32" s="1">
        <v>460410</v>
      </c>
      <c r="AJ32" s="1">
        <v>2254162</v>
      </c>
      <c r="AK32" s="1">
        <v>561952</v>
      </c>
      <c r="AL32" s="1">
        <v>2084616</v>
      </c>
      <c r="AM32" s="1">
        <v>606730</v>
      </c>
      <c r="AN32" s="1">
        <v>425706</v>
      </c>
      <c r="AO32" s="1">
        <v>548555</v>
      </c>
      <c r="AP32" s="1">
        <v>724887</v>
      </c>
      <c r="AQ32" s="1">
        <v>1184958</v>
      </c>
      <c r="AR32" s="1">
        <v>648705</v>
      </c>
      <c r="AS32" s="1">
        <v>450883</v>
      </c>
      <c r="AT32" s="1">
        <v>108107</v>
      </c>
      <c r="AU32" s="1">
        <v>111563</v>
      </c>
      <c r="AV32" s="1">
        <v>206885</v>
      </c>
      <c r="AW32" s="1">
        <v>429378</v>
      </c>
      <c r="AX32" s="1">
        <v>230166</v>
      </c>
      <c r="AY32" s="1">
        <v>79026</v>
      </c>
      <c r="AZ32" s="1">
        <v>36942</v>
      </c>
      <c r="BA32" s="1">
        <v>41728</v>
      </c>
      <c r="BB32" s="1">
        <v>273049</v>
      </c>
      <c r="BC32" s="1">
        <v>159597</v>
      </c>
      <c r="BD32" s="1">
        <v>433411</v>
      </c>
      <c r="BE32" s="1">
        <v>425220</v>
      </c>
      <c r="BF32" s="1">
        <v>320820</v>
      </c>
      <c r="BG32" s="1">
        <v>1449938</v>
      </c>
      <c r="BH32" s="1">
        <v>972562</v>
      </c>
      <c r="BI32" s="1">
        <v>71659673</v>
      </c>
      <c r="BJ32" s="1">
        <v>15000</v>
      </c>
      <c r="BK32" s="1">
        <v>1374</v>
      </c>
      <c r="BL32" s="1">
        <v>7561</v>
      </c>
      <c r="BM32" s="1">
        <v>148817</v>
      </c>
      <c r="BN32" s="1">
        <v>89629</v>
      </c>
      <c r="BO32" s="1">
        <v>65204</v>
      </c>
      <c r="BP32" s="1">
        <v>80421</v>
      </c>
      <c r="BQ32" s="1">
        <v>87170</v>
      </c>
      <c r="BR32" s="1">
        <v>43584</v>
      </c>
      <c r="BS32" s="1">
        <v>20429</v>
      </c>
      <c r="BT32" s="1">
        <v>53784</v>
      </c>
      <c r="BU32" s="1">
        <v>345636</v>
      </c>
      <c r="BV32" s="3">
        <v>958609</v>
      </c>
      <c r="BW32" s="1">
        <v>117042</v>
      </c>
      <c r="BX32" s="1">
        <v>68205</v>
      </c>
      <c r="BY32" s="1">
        <v>377167</v>
      </c>
      <c r="BZ32" s="1">
        <v>105662</v>
      </c>
      <c r="CA32" s="1">
        <v>74329</v>
      </c>
      <c r="CB32" s="1">
        <v>476279</v>
      </c>
      <c r="CC32" s="1">
        <v>497449</v>
      </c>
      <c r="CD32" s="1">
        <v>89840</v>
      </c>
      <c r="CE32" s="1">
        <v>17217</v>
      </c>
      <c r="CF32" s="1">
        <v>9873</v>
      </c>
      <c r="CG32" s="1">
        <v>29347</v>
      </c>
      <c r="CH32" s="1">
        <v>51080</v>
      </c>
      <c r="CI32" s="1">
        <v>16563</v>
      </c>
      <c r="CJ32" s="1">
        <v>9016</v>
      </c>
      <c r="CK32" s="1">
        <v>33215</v>
      </c>
      <c r="CL32" s="1">
        <v>144362</v>
      </c>
      <c r="CM32" s="1">
        <v>122767</v>
      </c>
      <c r="CN32" s="1">
        <v>28481</v>
      </c>
      <c r="CO32" s="1">
        <v>144548</v>
      </c>
      <c r="CP32" s="1">
        <v>9612</v>
      </c>
      <c r="CQ32" s="1">
        <v>47088</v>
      </c>
      <c r="CR32" s="1">
        <v>32904</v>
      </c>
      <c r="CS32" s="1">
        <v>7049</v>
      </c>
      <c r="CT32" s="3">
        <v>2509095</v>
      </c>
      <c r="CU32" s="1">
        <v>44111</v>
      </c>
      <c r="CV32" s="1">
        <v>4749</v>
      </c>
      <c r="CW32" s="1">
        <v>26158</v>
      </c>
      <c r="CX32" s="1">
        <v>1589</v>
      </c>
      <c r="CY32" s="1">
        <v>3677</v>
      </c>
      <c r="CZ32" s="1">
        <v>7444</v>
      </c>
      <c r="DA32" s="1">
        <v>35166</v>
      </c>
      <c r="DB32" s="1">
        <v>4666</v>
      </c>
      <c r="DC32" s="1">
        <v>47043</v>
      </c>
      <c r="DD32" s="1">
        <v>11345</v>
      </c>
      <c r="DE32" s="1">
        <v>4094</v>
      </c>
      <c r="DF32" s="1">
        <v>3578</v>
      </c>
      <c r="DG32" s="3">
        <v>193620</v>
      </c>
      <c r="DH32" s="3">
        <v>75320997</v>
      </c>
    </row>
    <row r="33" spans="1:112" ht="10" customHeight="1">
      <c r="A33" s="141"/>
      <c r="B33" s="29"/>
      <c r="C33" s="173" t="s">
        <v>183</v>
      </c>
      <c r="D33" s="175"/>
      <c r="E33" s="175"/>
      <c r="F33" s="176"/>
      <c r="G33" s="1">
        <v>10972788</v>
      </c>
      <c r="H33" s="1">
        <v>880453</v>
      </c>
      <c r="I33" s="1">
        <v>1117120</v>
      </c>
      <c r="J33" s="1">
        <v>3679056</v>
      </c>
      <c r="K33" s="1">
        <v>775929</v>
      </c>
      <c r="L33" s="1">
        <v>373456</v>
      </c>
      <c r="M33" s="1">
        <v>1082259</v>
      </c>
      <c r="N33" s="1">
        <v>601761</v>
      </c>
      <c r="O33" s="1">
        <v>787594</v>
      </c>
      <c r="P33" s="1">
        <v>388242</v>
      </c>
      <c r="Q33" s="1">
        <v>382964</v>
      </c>
      <c r="R33" s="1">
        <v>2667991</v>
      </c>
      <c r="S33" s="1">
        <v>728195</v>
      </c>
      <c r="T33" s="1">
        <v>450762</v>
      </c>
      <c r="U33" s="1">
        <v>734676</v>
      </c>
      <c r="V33" s="1">
        <v>1130980</v>
      </c>
      <c r="W33" s="1">
        <v>915666</v>
      </c>
      <c r="X33" s="1">
        <v>2298028</v>
      </c>
      <c r="Y33" s="1">
        <v>2597508</v>
      </c>
      <c r="Z33" s="1">
        <v>371578</v>
      </c>
      <c r="AA33" s="1">
        <v>501278</v>
      </c>
      <c r="AB33" s="1">
        <v>501293</v>
      </c>
      <c r="AC33" s="1">
        <v>214547</v>
      </c>
      <c r="AD33" s="1">
        <v>354492</v>
      </c>
      <c r="AE33" s="1">
        <v>255701</v>
      </c>
      <c r="AF33" s="1">
        <v>779102</v>
      </c>
      <c r="AG33" s="1">
        <v>374313</v>
      </c>
      <c r="AH33" s="1">
        <v>1694887</v>
      </c>
      <c r="AI33" s="1">
        <v>298537</v>
      </c>
      <c r="AJ33" s="1">
        <v>1305934</v>
      </c>
      <c r="AK33" s="1">
        <v>336851</v>
      </c>
      <c r="AL33" s="1">
        <v>1902744</v>
      </c>
      <c r="AM33" s="1">
        <v>504555</v>
      </c>
      <c r="AN33" s="1">
        <v>265726</v>
      </c>
      <c r="AO33" s="1">
        <v>500758</v>
      </c>
      <c r="AP33" s="1">
        <v>439974</v>
      </c>
      <c r="AQ33" s="1">
        <v>196104</v>
      </c>
      <c r="AR33" s="1">
        <v>503792</v>
      </c>
      <c r="AS33" s="1">
        <v>391561</v>
      </c>
      <c r="AT33" s="1">
        <v>58555</v>
      </c>
      <c r="AU33" s="1">
        <v>107431</v>
      </c>
      <c r="AV33" s="1">
        <v>147607</v>
      </c>
      <c r="AW33" s="1">
        <v>284854</v>
      </c>
      <c r="AX33" s="1">
        <v>139663</v>
      </c>
      <c r="AY33" s="1">
        <v>51324</v>
      </c>
      <c r="AZ33" s="1">
        <v>24245</v>
      </c>
      <c r="BA33" s="1">
        <v>37818</v>
      </c>
      <c r="BB33" s="1">
        <v>118443</v>
      </c>
      <c r="BC33" s="1">
        <v>130739</v>
      </c>
      <c r="BD33" s="1">
        <v>333979</v>
      </c>
      <c r="BE33" s="1">
        <v>332440</v>
      </c>
      <c r="BF33" s="1">
        <v>208817</v>
      </c>
      <c r="BG33" s="1">
        <v>625931</v>
      </c>
      <c r="BH33" s="1">
        <v>403477</v>
      </c>
      <c r="BI33" s="1">
        <v>47264478</v>
      </c>
      <c r="BJ33" s="1">
        <v>1472</v>
      </c>
      <c r="BK33" s="1">
        <v>1374</v>
      </c>
      <c r="BL33" s="1">
        <v>7561</v>
      </c>
      <c r="BM33" s="1">
        <v>134134</v>
      </c>
      <c r="BN33" s="1">
        <v>79644</v>
      </c>
      <c r="BO33" s="1">
        <v>59231</v>
      </c>
      <c r="BP33" s="1">
        <v>69804</v>
      </c>
      <c r="BQ33" s="1">
        <v>74206</v>
      </c>
      <c r="BR33" s="1">
        <v>41547</v>
      </c>
      <c r="BS33" s="1">
        <v>15392</v>
      </c>
      <c r="BT33" s="1">
        <v>46002</v>
      </c>
      <c r="BU33" s="1">
        <v>304186</v>
      </c>
      <c r="BV33" s="3">
        <v>834553</v>
      </c>
      <c r="BW33" s="1">
        <v>100960</v>
      </c>
      <c r="BX33" s="1">
        <v>52541</v>
      </c>
      <c r="BY33" s="1">
        <v>334506</v>
      </c>
      <c r="BZ33" s="1">
        <v>50274</v>
      </c>
      <c r="CA33" s="1">
        <v>40238</v>
      </c>
      <c r="CB33" s="1">
        <v>376297</v>
      </c>
      <c r="CC33" s="1">
        <v>453585</v>
      </c>
      <c r="CD33" s="1">
        <v>69509</v>
      </c>
      <c r="CE33" s="1">
        <v>13519</v>
      </c>
      <c r="CF33" s="1">
        <v>6977</v>
      </c>
      <c r="CG33" s="1">
        <v>15708</v>
      </c>
      <c r="CH33" s="1">
        <v>38063</v>
      </c>
      <c r="CI33" s="1">
        <v>12842</v>
      </c>
      <c r="CJ33" s="1">
        <v>0</v>
      </c>
      <c r="CK33" s="1">
        <v>31450</v>
      </c>
      <c r="CL33" s="1">
        <v>35989</v>
      </c>
      <c r="CM33" s="1">
        <v>116342</v>
      </c>
      <c r="CN33" s="1">
        <v>23031</v>
      </c>
      <c r="CO33" s="1">
        <v>104511</v>
      </c>
      <c r="CP33" s="1">
        <v>6839</v>
      </c>
      <c r="CQ33" s="1">
        <v>37946</v>
      </c>
      <c r="CR33" s="1">
        <v>24507</v>
      </c>
      <c r="CS33" s="1">
        <v>4332</v>
      </c>
      <c r="CT33" s="3">
        <v>1949966</v>
      </c>
      <c r="CU33" s="1">
        <v>38128</v>
      </c>
      <c r="CV33" s="1">
        <v>2715</v>
      </c>
      <c r="CW33" s="1">
        <v>8281</v>
      </c>
      <c r="CX33" s="1">
        <v>0</v>
      </c>
      <c r="CY33" s="1">
        <v>822</v>
      </c>
      <c r="CZ33" s="1">
        <v>3563</v>
      </c>
      <c r="DA33" s="1">
        <v>23253</v>
      </c>
      <c r="DB33" s="1">
        <v>1926</v>
      </c>
      <c r="DC33" s="1">
        <v>32200</v>
      </c>
      <c r="DD33" s="1">
        <v>7353</v>
      </c>
      <c r="DE33" s="1">
        <v>1202</v>
      </c>
      <c r="DF33" s="1">
        <v>2282</v>
      </c>
      <c r="DG33" s="3">
        <v>121725</v>
      </c>
      <c r="DH33" s="3">
        <v>50170722</v>
      </c>
    </row>
    <row r="34" spans="1:112" ht="10" customHeight="1">
      <c r="A34" s="141"/>
      <c r="B34" s="29"/>
      <c r="C34" s="98" t="s">
        <v>184</v>
      </c>
      <c r="D34" s="90"/>
      <c r="E34" s="90"/>
      <c r="F34" s="91"/>
      <c r="G34" s="1">
        <v>0</v>
      </c>
      <c r="H34" s="1">
        <v>0</v>
      </c>
      <c r="I34" s="1">
        <v>0</v>
      </c>
      <c r="J34" s="1">
        <v>0</v>
      </c>
      <c r="K34" s="1">
        <v>0</v>
      </c>
      <c r="L34" s="1">
        <v>0</v>
      </c>
      <c r="M34" s="1">
        <v>0</v>
      </c>
      <c r="N34" s="1">
        <v>0</v>
      </c>
      <c r="O34" s="1">
        <v>0</v>
      </c>
      <c r="P34" s="1">
        <v>256</v>
      </c>
      <c r="Q34" s="1">
        <v>0</v>
      </c>
      <c r="R34" s="1">
        <v>0</v>
      </c>
      <c r="S34" s="1">
        <v>0</v>
      </c>
      <c r="T34" s="1">
        <v>0</v>
      </c>
      <c r="U34" s="1">
        <v>89833</v>
      </c>
      <c r="V34" s="1">
        <v>0</v>
      </c>
      <c r="W34" s="1">
        <v>0</v>
      </c>
      <c r="X34" s="1">
        <v>0</v>
      </c>
      <c r="Y34" s="1">
        <v>0</v>
      </c>
      <c r="Z34" s="1">
        <v>0</v>
      </c>
      <c r="AA34" s="1">
        <v>0</v>
      </c>
      <c r="AB34" s="1">
        <v>0</v>
      </c>
      <c r="AC34" s="1">
        <v>0</v>
      </c>
      <c r="AD34" s="1">
        <v>0</v>
      </c>
      <c r="AE34" s="1">
        <v>0</v>
      </c>
      <c r="AF34" s="1">
        <v>0</v>
      </c>
      <c r="AG34" s="1">
        <v>5880</v>
      </c>
      <c r="AH34" s="1">
        <v>0</v>
      </c>
      <c r="AI34" s="1">
        <v>0</v>
      </c>
      <c r="AJ34" s="1">
        <v>0</v>
      </c>
      <c r="AK34" s="1">
        <v>0</v>
      </c>
      <c r="AL34" s="1">
        <v>0</v>
      </c>
      <c r="AM34" s="1">
        <v>1113</v>
      </c>
      <c r="AN34" s="1">
        <v>0</v>
      </c>
      <c r="AO34" s="1">
        <v>0</v>
      </c>
      <c r="AP34" s="1">
        <v>0</v>
      </c>
      <c r="AQ34" s="1">
        <v>0</v>
      </c>
      <c r="AR34" s="1">
        <v>0</v>
      </c>
      <c r="AS34" s="1">
        <v>0</v>
      </c>
      <c r="AT34" s="1">
        <v>0</v>
      </c>
      <c r="AU34" s="1">
        <v>0</v>
      </c>
      <c r="AV34" s="1">
        <v>4768</v>
      </c>
      <c r="AW34" s="1">
        <v>0</v>
      </c>
      <c r="AX34" s="1">
        <v>0</v>
      </c>
      <c r="AY34" s="1">
        <v>527</v>
      </c>
      <c r="AZ34" s="1">
        <v>0</v>
      </c>
      <c r="BA34" s="1">
        <v>1030</v>
      </c>
      <c r="BB34" s="1">
        <v>0</v>
      </c>
      <c r="BC34" s="1">
        <v>0</v>
      </c>
      <c r="BD34" s="1">
        <v>0</v>
      </c>
      <c r="BE34" s="1">
        <v>0</v>
      </c>
      <c r="BF34" s="1">
        <v>0</v>
      </c>
      <c r="BG34" s="1">
        <v>0</v>
      </c>
      <c r="BH34" s="1">
        <v>12312</v>
      </c>
      <c r="BI34" s="1">
        <v>115719</v>
      </c>
      <c r="BJ34" s="1">
        <v>0</v>
      </c>
      <c r="BK34" s="1">
        <v>0</v>
      </c>
      <c r="BL34" s="1">
        <v>0</v>
      </c>
      <c r="BM34" s="1">
        <v>0</v>
      </c>
      <c r="BN34" s="1">
        <v>0</v>
      </c>
      <c r="BO34" s="1">
        <v>0</v>
      </c>
      <c r="BP34" s="1">
        <v>527</v>
      </c>
      <c r="BQ34" s="1">
        <v>0</v>
      </c>
      <c r="BR34" s="1">
        <v>0</v>
      </c>
      <c r="BS34" s="1">
        <v>0</v>
      </c>
      <c r="BT34" s="1">
        <v>0</v>
      </c>
      <c r="BU34" s="1">
        <v>0</v>
      </c>
      <c r="BV34" s="3">
        <v>527</v>
      </c>
      <c r="BW34" s="1">
        <v>0</v>
      </c>
      <c r="BX34" s="1">
        <v>0</v>
      </c>
      <c r="BY34" s="1">
        <v>2334</v>
      </c>
      <c r="BZ34" s="1">
        <v>0</v>
      </c>
      <c r="CA34" s="1">
        <v>3136</v>
      </c>
      <c r="CB34" s="1">
        <v>0</v>
      </c>
      <c r="CC34" s="1">
        <v>0</v>
      </c>
      <c r="CD34" s="1">
        <v>0</v>
      </c>
      <c r="CE34" s="1">
        <v>0</v>
      </c>
      <c r="CF34" s="1">
        <v>0</v>
      </c>
      <c r="CG34" s="1">
        <v>0</v>
      </c>
      <c r="CH34" s="1">
        <v>0</v>
      </c>
      <c r="CI34" s="1">
        <v>0</v>
      </c>
      <c r="CJ34" s="1">
        <v>0</v>
      </c>
      <c r="CK34" s="1">
        <v>0</v>
      </c>
      <c r="CL34" s="1">
        <v>0</v>
      </c>
      <c r="CM34" s="1">
        <v>757</v>
      </c>
      <c r="CN34" s="1">
        <v>0</v>
      </c>
      <c r="CO34" s="1">
        <v>0</v>
      </c>
      <c r="CP34" s="1">
        <v>0</v>
      </c>
      <c r="CQ34" s="1">
        <v>0</v>
      </c>
      <c r="CR34" s="1">
        <v>0</v>
      </c>
      <c r="CS34" s="1">
        <v>0</v>
      </c>
      <c r="CT34" s="3">
        <v>6227</v>
      </c>
      <c r="CU34" s="1">
        <v>0</v>
      </c>
      <c r="CV34" s="1">
        <v>0</v>
      </c>
      <c r="CW34" s="1">
        <v>0</v>
      </c>
      <c r="CX34" s="1">
        <v>0</v>
      </c>
      <c r="CY34" s="1">
        <v>537</v>
      </c>
      <c r="CZ34" s="1">
        <v>1090</v>
      </c>
      <c r="DA34" s="1">
        <v>0</v>
      </c>
      <c r="DB34" s="1">
        <v>0</v>
      </c>
      <c r="DC34" s="1">
        <v>2170</v>
      </c>
      <c r="DD34" s="1">
        <v>0</v>
      </c>
      <c r="DE34" s="1">
        <v>0</v>
      </c>
      <c r="DF34" s="1">
        <v>0</v>
      </c>
      <c r="DG34" s="3">
        <v>3797</v>
      </c>
      <c r="DH34" s="3">
        <v>126270</v>
      </c>
    </row>
    <row r="35" spans="1:112" ht="10" customHeight="1">
      <c r="A35" s="141"/>
      <c r="B35" s="29"/>
      <c r="C35" s="173" t="s">
        <v>186</v>
      </c>
      <c r="D35" s="175"/>
      <c r="E35" s="175"/>
      <c r="F35" s="176"/>
      <c r="G35" s="1">
        <v>0</v>
      </c>
      <c r="H35" s="1">
        <v>0</v>
      </c>
      <c r="I35" s="1">
        <v>0</v>
      </c>
      <c r="J35" s="1">
        <v>0</v>
      </c>
      <c r="K35" s="1">
        <v>0</v>
      </c>
      <c r="L35" s="1">
        <v>0</v>
      </c>
      <c r="M35" s="1">
        <v>0</v>
      </c>
      <c r="N35" s="1">
        <v>0</v>
      </c>
      <c r="O35" s="1">
        <v>0</v>
      </c>
      <c r="P35" s="1">
        <v>0</v>
      </c>
      <c r="Q35" s="1">
        <v>0</v>
      </c>
      <c r="R35" s="1">
        <v>0</v>
      </c>
      <c r="S35" s="1">
        <v>0</v>
      </c>
      <c r="T35" s="1">
        <v>0</v>
      </c>
      <c r="U35" s="1">
        <v>0</v>
      </c>
      <c r="V35" s="1">
        <v>0</v>
      </c>
      <c r="W35" s="1">
        <v>0</v>
      </c>
      <c r="X35" s="1">
        <v>0</v>
      </c>
      <c r="Y35" s="1">
        <v>0</v>
      </c>
      <c r="Z35" s="1">
        <v>0</v>
      </c>
      <c r="AA35" s="1">
        <v>0</v>
      </c>
      <c r="AB35" s="1">
        <v>0</v>
      </c>
      <c r="AC35" s="1">
        <v>0</v>
      </c>
      <c r="AD35" s="1">
        <v>0</v>
      </c>
      <c r="AE35" s="1">
        <v>0</v>
      </c>
      <c r="AF35" s="1">
        <v>0</v>
      </c>
      <c r="AG35" s="1">
        <v>0</v>
      </c>
      <c r="AH35" s="1">
        <v>0</v>
      </c>
      <c r="AI35" s="1">
        <v>0</v>
      </c>
      <c r="AJ35" s="1">
        <v>0</v>
      </c>
      <c r="AK35" s="1">
        <v>0</v>
      </c>
      <c r="AL35" s="1">
        <v>0</v>
      </c>
      <c r="AM35" s="1">
        <v>0</v>
      </c>
      <c r="AN35" s="1">
        <v>0</v>
      </c>
      <c r="AO35" s="1">
        <v>0</v>
      </c>
      <c r="AP35" s="1">
        <v>0</v>
      </c>
      <c r="AQ35" s="1">
        <v>0</v>
      </c>
      <c r="AR35" s="1">
        <v>0</v>
      </c>
      <c r="AS35" s="1">
        <v>0</v>
      </c>
      <c r="AT35" s="1">
        <v>0</v>
      </c>
      <c r="AU35" s="1">
        <v>0</v>
      </c>
      <c r="AV35" s="1">
        <v>0</v>
      </c>
      <c r="AW35" s="1">
        <v>0</v>
      </c>
      <c r="AX35" s="1">
        <v>0</v>
      </c>
      <c r="AY35" s="1">
        <v>0</v>
      </c>
      <c r="AZ35" s="1">
        <v>0</v>
      </c>
      <c r="BA35" s="1">
        <v>0</v>
      </c>
      <c r="BB35" s="1">
        <v>0</v>
      </c>
      <c r="BC35" s="1">
        <v>0</v>
      </c>
      <c r="BD35" s="1">
        <v>0</v>
      </c>
      <c r="BE35" s="1">
        <v>0</v>
      </c>
      <c r="BF35" s="1">
        <v>0</v>
      </c>
      <c r="BG35" s="1">
        <v>0</v>
      </c>
      <c r="BH35" s="1">
        <v>0</v>
      </c>
      <c r="BI35" s="1">
        <v>0</v>
      </c>
      <c r="BJ35" s="1">
        <v>0</v>
      </c>
      <c r="BK35" s="1">
        <v>0</v>
      </c>
      <c r="BL35" s="1">
        <v>0</v>
      </c>
      <c r="BM35" s="1">
        <v>0</v>
      </c>
      <c r="BN35" s="1">
        <v>0</v>
      </c>
      <c r="BO35" s="1">
        <v>0</v>
      </c>
      <c r="BP35" s="1">
        <v>0</v>
      </c>
      <c r="BQ35" s="1">
        <v>0</v>
      </c>
      <c r="BR35" s="1">
        <v>0</v>
      </c>
      <c r="BS35" s="1">
        <v>0</v>
      </c>
      <c r="BT35" s="1">
        <v>0</v>
      </c>
      <c r="BU35" s="1">
        <v>0</v>
      </c>
      <c r="BV35" s="3">
        <v>0</v>
      </c>
      <c r="BW35" s="1">
        <v>0</v>
      </c>
      <c r="BX35" s="1">
        <v>0</v>
      </c>
      <c r="BY35" s="1">
        <v>0</v>
      </c>
      <c r="BZ35" s="1">
        <v>0</v>
      </c>
      <c r="CA35" s="1">
        <v>0</v>
      </c>
      <c r="CB35" s="1">
        <v>0</v>
      </c>
      <c r="CC35" s="1">
        <v>0</v>
      </c>
      <c r="CD35" s="1">
        <v>0</v>
      </c>
      <c r="CE35" s="1">
        <v>0</v>
      </c>
      <c r="CF35" s="1">
        <v>0</v>
      </c>
      <c r="CG35" s="1">
        <v>0</v>
      </c>
      <c r="CH35" s="1">
        <v>0</v>
      </c>
      <c r="CI35" s="1">
        <v>0</v>
      </c>
      <c r="CJ35" s="1">
        <v>0</v>
      </c>
      <c r="CK35" s="1">
        <v>0</v>
      </c>
      <c r="CL35" s="1">
        <v>0</v>
      </c>
      <c r="CM35" s="1">
        <v>0</v>
      </c>
      <c r="CN35" s="1">
        <v>0</v>
      </c>
      <c r="CO35" s="1">
        <v>0</v>
      </c>
      <c r="CP35" s="1">
        <v>0</v>
      </c>
      <c r="CQ35" s="1">
        <v>0</v>
      </c>
      <c r="CR35" s="1">
        <v>0</v>
      </c>
      <c r="CS35" s="1">
        <v>0</v>
      </c>
      <c r="CT35" s="3">
        <v>0</v>
      </c>
      <c r="CU35" s="1">
        <v>0</v>
      </c>
      <c r="CV35" s="1">
        <v>0</v>
      </c>
      <c r="CW35" s="1">
        <v>0</v>
      </c>
      <c r="CX35" s="1">
        <v>0</v>
      </c>
      <c r="CY35" s="1">
        <v>0</v>
      </c>
      <c r="CZ35" s="1">
        <v>0</v>
      </c>
      <c r="DA35" s="1">
        <v>0</v>
      </c>
      <c r="DB35" s="1">
        <v>0</v>
      </c>
      <c r="DC35" s="1">
        <v>0</v>
      </c>
      <c r="DD35" s="1">
        <v>0</v>
      </c>
      <c r="DE35" s="1">
        <v>0</v>
      </c>
      <c r="DF35" s="1">
        <v>0</v>
      </c>
      <c r="DG35" s="3">
        <v>0</v>
      </c>
      <c r="DH35" s="3">
        <v>0</v>
      </c>
    </row>
    <row r="36" spans="1:112" ht="10" customHeight="1">
      <c r="A36" s="141"/>
      <c r="B36" s="29"/>
      <c r="C36" s="98" t="s">
        <v>187</v>
      </c>
      <c r="D36" s="90"/>
      <c r="E36" s="90"/>
      <c r="F36" s="91"/>
      <c r="G36" s="1">
        <v>0</v>
      </c>
      <c r="H36" s="1">
        <v>0</v>
      </c>
      <c r="I36" s="1">
        <v>0</v>
      </c>
      <c r="J36" s="1">
        <v>0</v>
      </c>
      <c r="K36" s="1">
        <v>0</v>
      </c>
      <c r="L36" s="1">
        <v>0</v>
      </c>
      <c r="M36" s="1">
        <v>0</v>
      </c>
      <c r="N36" s="1">
        <v>0</v>
      </c>
      <c r="O36" s="1">
        <v>0</v>
      </c>
      <c r="P36" s="1">
        <v>0</v>
      </c>
      <c r="Q36" s="1">
        <v>0</v>
      </c>
      <c r="R36" s="1">
        <v>0</v>
      </c>
      <c r="S36" s="1">
        <v>0</v>
      </c>
      <c r="T36" s="1">
        <v>0</v>
      </c>
      <c r="U36" s="1">
        <v>0</v>
      </c>
      <c r="V36" s="1">
        <v>0</v>
      </c>
      <c r="W36" s="1">
        <v>0</v>
      </c>
      <c r="X36" s="1">
        <v>0</v>
      </c>
      <c r="Y36" s="1">
        <v>0</v>
      </c>
      <c r="Z36" s="1">
        <v>0</v>
      </c>
      <c r="AA36" s="1">
        <v>0</v>
      </c>
      <c r="AB36" s="1">
        <v>0</v>
      </c>
      <c r="AC36" s="1">
        <v>0</v>
      </c>
      <c r="AD36" s="1">
        <v>0</v>
      </c>
      <c r="AE36" s="1">
        <v>0</v>
      </c>
      <c r="AF36" s="1">
        <v>0</v>
      </c>
      <c r="AG36" s="1">
        <v>0</v>
      </c>
      <c r="AH36" s="1">
        <v>0</v>
      </c>
      <c r="AI36" s="1">
        <v>0</v>
      </c>
      <c r="AJ36" s="1">
        <v>0</v>
      </c>
      <c r="AK36" s="1">
        <v>0</v>
      </c>
      <c r="AL36" s="1">
        <v>0</v>
      </c>
      <c r="AM36" s="1">
        <v>0</v>
      </c>
      <c r="AN36" s="1">
        <v>0</v>
      </c>
      <c r="AO36" s="1">
        <v>0</v>
      </c>
      <c r="AP36" s="1">
        <v>0</v>
      </c>
      <c r="AQ36" s="1">
        <v>0</v>
      </c>
      <c r="AR36" s="1">
        <v>0</v>
      </c>
      <c r="AS36" s="1">
        <v>0</v>
      </c>
      <c r="AT36" s="1">
        <v>0</v>
      </c>
      <c r="AU36" s="1">
        <v>0</v>
      </c>
      <c r="AV36" s="1">
        <v>0</v>
      </c>
      <c r="AW36" s="1">
        <v>0</v>
      </c>
      <c r="AX36" s="1">
        <v>0</v>
      </c>
      <c r="AY36" s="1">
        <v>0</v>
      </c>
      <c r="AZ36" s="1">
        <v>0</v>
      </c>
      <c r="BA36" s="1">
        <v>0</v>
      </c>
      <c r="BB36" s="1">
        <v>0</v>
      </c>
      <c r="BC36" s="1">
        <v>0</v>
      </c>
      <c r="BD36" s="1">
        <v>0</v>
      </c>
      <c r="BE36" s="1">
        <v>0</v>
      </c>
      <c r="BF36" s="1">
        <v>0</v>
      </c>
      <c r="BG36" s="1">
        <v>0</v>
      </c>
      <c r="BH36" s="1">
        <v>0</v>
      </c>
      <c r="BI36" s="1">
        <v>0</v>
      </c>
      <c r="BJ36" s="1">
        <v>0</v>
      </c>
      <c r="BK36" s="1">
        <v>0</v>
      </c>
      <c r="BL36" s="1">
        <v>0</v>
      </c>
      <c r="BM36" s="1">
        <v>0</v>
      </c>
      <c r="BN36" s="1">
        <v>0</v>
      </c>
      <c r="BO36" s="1">
        <v>0</v>
      </c>
      <c r="BP36" s="1">
        <v>0</v>
      </c>
      <c r="BQ36" s="1">
        <v>0</v>
      </c>
      <c r="BR36" s="1">
        <v>0</v>
      </c>
      <c r="BS36" s="1">
        <v>0</v>
      </c>
      <c r="BT36" s="1">
        <v>0</v>
      </c>
      <c r="BU36" s="1">
        <v>0</v>
      </c>
      <c r="BV36" s="3">
        <v>0</v>
      </c>
      <c r="BW36" s="1">
        <v>0</v>
      </c>
      <c r="BX36" s="1">
        <v>0</v>
      </c>
      <c r="BY36" s="1">
        <v>0</v>
      </c>
      <c r="BZ36" s="1">
        <v>0</v>
      </c>
      <c r="CA36" s="1">
        <v>0</v>
      </c>
      <c r="CB36" s="1">
        <v>0</v>
      </c>
      <c r="CC36" s="1">
        <v>0</v>
      </c>
      <c r="CD36" s="1">
        <v>0</v>
      </c>
      <c r="CE36" s="1">
        <v>0</v>
      </c>
      <c r="CF36" s="1">
        <v>0</v>
      </c>
      <c r="CG36" s="1">
        <v>0</v>
      </c>
      <c r="CH36" s="1">
        <v>0</v>
      </c>
      <c r="CI36" s="1">
        <v>0</v>
      </c>
      <c r="CJ36" s="1">
        <v>0</v>
      </c>
      <c r="CK36" s="1">
        <v>0</v>
      </c>
      <c r="CL36" s="1">
        <v>0</v>
      </c>
      <c r="CM36" s="1">
        <v>0</v>
      </c>
      <c r="CN36" s="1">
        <v>0</v>
      </c>
      <c r="CO36" s="1">
        <v>0</v>
      </c>
      <c r="CP36" s="1">
        <v>0</v>
      </c>
      <c r="CQ36" s="1">
        <v>0</v>
      </c>
      <c r="CR36" s="1">
        <v>0</v>
      </c>
      <c r="CS36" s="1">
        <v>0</v>
      </c>
      <c r="CT36" s="3">
        <v>0</v>
      </c>
      <c r="CU36" s="1">
        <v>0</v>
      </c>
      <c r="CV36" s="1">
        <v>0</v>
      </c>
      <c r="CW36" s="1">
        <v>0</v>
      </c>
      <c r="CX36" s="1">
        <v>0</v>
      </c>
      <c r="CY36" s="1">
        <v>0</v>
      </c>
      <c r="CZ36" s="1">
        <v>0</v>
      </c>
      <c r="DA36" s="1">
        <v>0</v>
      </c>
      <c r="DB36" s="1">
        <v>0</v>
      </c>
      <c r="DC36" s="1">
        <v>0</v>
      </c>
      <c r="DD36" s="1">
        <v>0</v>
      </c>
      <c r="DE36" s="1">
        <v>0</v>
      </c>
      <c r="DF36" s="1">
        <v>0</v>
      </c>
      <c r="DG36" s="3">
        <v>0</v>
      </c>
      <c r="DH36" s="3">
        <v>0</v>
      </c>
    </row>
    <row r="37" spans="1:112" ht="10" customHeight="1">
      <c r="A37" s="141"/>
      <c r="B37" s="29"/>
      <c r="C37" s="98" t="s">
        <v>188</v>
      </c>
      <c r="D37" s="90"/>
      <c r="E37" s="90"/>
      <c r="F37" s="91"/>
      <c r="G37" s="1">
        <v>108183</v>
      </c>
      <c r="H37" s="1">
        <v>39520</v>
      </c>
      <c r="I37" s="1">
        <v>14124</v>
      </c>
      <c r="J37" s="1">
        <v>54600</v>
      </c>
      <c r="K37" s="1">
        <v>8447</v>
      </c>
      <c r="L37" s="1">
        <v>9273</v>
      </c>
      <c r="M37" s="1">
        <v>47298</v>
      </c>
      <c r="N37" s="1">
        <v>10313</v>
      </c>
      <c r="O37" s="1">
        <v>8944</v>
      </c>
      <c r="P37" s="1">
        <v>9345</v>
      </c>
      <c r="Q37" s="1">
        <v>12667</v>
      </c>
      <c r="R37" s="1">
        <v>4700</v>
      </c>
      <c r="S37" s="1">
        <v>15948</v>
      </c>
      <c r="T37" s="1">
        <v>3689</v>
      </c>
      <c r="U37" s="1">
        <v>7934</v>
      </c>
      <c r="V37" s="1">
        <v>11005</v>
      </c>
      <c r="W37" s="1">
        <v>20683</v>
      </c>
      <c r="X37" s="1">
        <v>12115</v>
      </c>
      <c r="Y37" s="1">
        <v>14892</v>
      </c>
      <c r="Z37" s="1">
        <v>6916</v>
      </c>
      <c r="AA37" s="1">
        <v>8755</v>
      </c>
      <c r="AB37" s="1">
        <v>11644</v>
      </c>
      <c r="AC37" s="1">
        <v>8176</v>
      </c>
      <c r="AD37" s="1">
        <v>5717</v>
      </c>
      <c r="AE37" s="1">
        <v>7621</v>
      </c>
      <c r="AF37" s="1">
        <v>10195</v>
      </c>
      <c r="AG37" s="1">
        <v>6854</v>
      </c>
      <c r="AH37" s="1">
        <v>11270</v>
      </c>
      <c r="AI37" s="1">
        <v>3763</v>
      </c>
      <c r="AJ37" s="1">
        <v>9259</v>
      </c>
      <c r="AK37" s="1">
        <v>7463</v>
      </c>
      <c r="AL37" s="1">
        <v>11478</v>
      </c>
      <c r="AM37" s="1">
        <v>2334</v>
      </c>
      <c r="AN37" s="1">
        <v>4570</v>
      </c>
      <c r="AO37" s="1">
        <v>7208</v>
      </c>
      <c r="AP37" s="1">
        <v>5458</v>
      </c>
      <c r="AQ37" s="1">
        <v>7264</v>
      </c>
      <c r="AR37" s="1">
        <v>4908</v>
      </c>
      <c r="AS37" s="1">
        <v>3988</v>
      </c>
      <c r="AT37" s="1">
        <v>2518</v>
      </c>
      <c r="AU37" s="1">
        <v>4125</v>
      </c>
      <c r="AV37" s="1">
        <v>2104</v>
      </c>
      <c r="AW37" s="1">
        <v>2693</v>
      </c>
      <c r="AX37" s="1">
        <v>2084</v>
      </c>
      <c r="AY37" s="1">
        <v>1625</v>
      </c>
      <c r="AZ37" s="1">
        <v>1055</v>
      </c>
      <c r="BA37" s="1">
        <v>858</v>
      </c>
      <c r="BB37" s="1">
        <v>1830</v>
      </c>
      <c r="BC37" s="1">
        <v>450</v>
      </c>
      <c r="BD37" s="1">
        <v>826</v>
      </c>
      <c r="BE37" s="1">
        <v>3760</v>
      </c>
      <c r="BF37" s="1">
        <v>3414</v>
      </c>
      <c r="BG37" s="1">
        <v>23657</v>
      </c>
      <c r="BH37" s="1">
        <v>11895</v>
      </c>
      <c r="BI37" s="1">
        <v>621415</v>
      </c>
      <c r="BJ37" s="1">
        <v>0</v>
      </c>
      <c r="BK37" s="1">
        <v>0</v>
      </c>
      <c r="BL37" s="1">
        <v>0</v>
      </c>
      <c r="BM37" s="1">
        <v>1691</v>
      </c>
      <c r="BN37" s="1">
        <v>577</v>
      </c>
      <c r="BO37" s="1">
        <v>630</v>
      </c>
      <c r="BP37" s="1">
        <v>983</v>
      </c>
      <c r="BQ37" s="1">
        <v>2996</v>
      </c>
      <c r="BR37" s="1">
        <v>318</v>
      </c>
      <c r="BS37" s="1">
        <v>88</v>
      </c>
      <c r="BT37" s="1">
        <v>0</v>
      </c>
      <c r="BU37" s="1">
        <v>4510</v>
      </c>
      <c r="BV37" s="3">
        <v>11793</v>
      </c>
      <c r="BW37" s="1">
        <v>1647</v>
      </c>
      <c r="BX37" s="1">
        <v>836</v>
      </c>
      <c r="BY37" s="1">
        <v>3472</v>
      </c>
      <c r="BZ37" s="1">
        <v>1146</v>
      </c>
      <c r="CA37" s="1">
        <v>555</v>
      </c>
      <c r="CB37" s="1">
        <v>2337</v>
      </c>
      <c r="CC37" s="1">
        <v>1143</v>
      </c>
      <c r="CD37" s="1">
        <v>0</v>
      </c>
      <c r="CE37" s="1">
        <v>0</v>
      </c>
      <c r="CF37" s="1">
        <v>803</v>
      </c>
      <c r="CG37" s="1">
        <v>571</v>
      </c>
      <c r="CH37" s="1">
        <v>483</v>
      </c>
      <c r="CI37" s="1">
        <v>558</v>
      </c>
      <c r="CJ37" s="1">
        <v>0</v>
      </c>
      <c r="CK37" s="1">
        <v>1765</v>
      </c>
      <c r="CL37" s="1">
        <v>588</v>
      </c>
      <c r="CM37" s="1">
        <v>998</v>
      </c>
      <c r="CN37" s="1">
        <v>736</v>
      </c>
      <c r="CO37" s="1">
        <v>1652</v>
      </c>
      <c r="CP37" s="1">
        <v>133</v>
      </c>
      <c r="CQ37" s="1">
        <v>1166</v>
      </c>
      <c r="CR37" s="1">
        <v>402</v>
      </c>
      <c r="CS37" s="1">
        <v>0</v>
      </c>
      <c r="CT37" s="3">
        <v>20991</v>
      </c>
      <c r="CU37" s="1">
        <v>1305</v>
      </c>
      <c r="CV37" s="1">
        <v>1668</v>
      </c>
      <c r="CW37" s="1">
        <v>560</v>
      </c>
      <c r="CX37" s="1">
        <v>422</v>
      </c>
      <c r="CY37" s="1">
        <v>722</v>
      </c>
      <c r="CZ37" s="1">
        <v>541</v>
      </c>
      <c r="DA37" s="1">
        <v>1466</v>
      </c>
      <c r="DB37" s="1">
        <v>620</v>
      </c>
      <c r="DC37" s="1">
        <v>1105</v>
      </c>
      <c r="DD37" s="1">
        <v>0</v>
      </c>
      <c r="DE37" s="1">
        <v>181</v>
      </c>
      <c r="DF37" s="1">
        <v>344</v>
      </c>
      <c r="DG37" s="3">
        <v>8934</v>
      </c>
      <c r="DH37" s="3">
        <v>663133</v>
      </c>
    </row>
    <row r="38" spans="1:112" ht="10" customHeight="1">
      <c r="A38" s="141"/>
      <c r="B38" s="29"/>
      <c r="C38" s="98" t="s">
        <v>190</v>
      </c>
      <c r="D38" s="90"/>
      <c r="E38" s="90"/>
      <c r="F38" s="91"/>
      <c r="G38" s="1">
        <v>0</v>
      </c>
      <c r="H38" s="1">
        <v>0</v>
      </c>
      <c r="I38" s="1">
        <v>0</v>
      </c>
      <c r="J38" s="1">
        <v>0</v>
      </c>
      <c r="K38" s="1">
        <v>0</v>
      </c>
      <c r="L38" s="1">
        <v>0</v>
      </c>
      <c r="M38" s="1">
        <v>11085</v>
      </c>
      <c r="N38" s="1">
        <v>0</v>
      </c>
      <c r="O38" s="1">
        <v>0</v>
      </c>
      <c r="P38" s="1">
        <v>0</v>
      </c>
      <c r="Q38" s="1">
        <v>0</v>
      </c>
      <c r="R38" s="1">
        <v>0</v>
      </c>
      <c r="S38" s="1">
        <v>0</v>
      </c>
      <c r="T38" s="1">
        <v>0</v>
      </c>
      <c r="U38" s="1">
        <v>0</v>
      </c>
      <c r="V38" s="1">
        <v>0</v>
      </c>
      <c r="W38" s="1">
        <v>0</v>
      </c>
      <c r="X38" s="1">
        <v>0</v>
      </c>
      <c r="Y38" s="1">
        <v>0</v>
      </c>
      <c r="Z38" s="1">
        <v>0</v>
      </c>
      <c r="AA38" s="1">
        <v>0</v>
      </c>
      <c r="AB38" s="1">
        <v>0</v>
      </c>
      <c r="AC38" s="1">
        <v>0</v>
      </c>
      <c r="AD38" s="1">
        <v>0</v>
      </c>
      <c r="AE38" s="1">
        <v>0</v>
      </c>
      <c r="AF38" s="1">
        <v>0</v>
      </c>
      <c r="AG38" s="1">
        <v>0</v>
      </c>
      <c r="AH38" s="1">
        <v>0</v>
      </c>
      <c r="AI38" s="1">
        <v>0</v>
      </c>
      <c r="AJ38" s="1">
        <v>0</v>
      </c>
      <c r="AK38" s="1">
        <v>0</v>
      </c>
      <c r="AL38" s="1">
        <v>0</v>
      </c>
      <c r="AM38" s="1">
        <v>0</v>
      </c>
      <c r="AN38" s="1">
        <v>0</v>
      </c>
      <c r="AO38" s="1">
        <v>0</v>
      </c>
      <c r="AP38" s="1">
        <v>0</v>
      </c>
      <c r="AQ38" s="1">
        <v>0</v>
      </c>
      <c r="AR38" s="1">
        <v>0</v>
      </c>
      <c r="AS38" s="1">
        <v>401</v>
      </c>
      <c r="AT38" s="1">
        <v>0</v>
      </c>
      <c r="AU38" s="1">
        <v>0</v>
      </c>
      <c r="AV38" s="1">
        <v>0</v>
      </c>
      <c r="AW38" s="1">
        <v>0</v>
      </c>
      <c r="AX38" s="1">
        <v>0</v>
      </c>
      <c r="AY38" s="1">
        <v>0</v>
      </c>
      <c r="AZ38" s="1">
        <v>0</v>
      </c>
      <c r="BA38" s="1">
        <v>0</v>
      </c>
      <c r="BB38" s="1">
        <v>0</v>
      </c>
      <c r="BC38" s="1">
        <v>0</v>
      </c>
      <c r="BD38" s="1">
        <v>0</v>
      </c>
      <c r="BE38" s="1">
        <v>0</v>
      </c>
      <c r="BF38" s="1">
        <v>0</v>
      </c>
      <c r="BG38" s="1">
        <v>0</v>
      </c>
      <c r="BH38" s="1">
        <v>0</v>
      </c>
      <c r="BI38" s="1">
        <v>11486</v>
      </c>
      <c r="BJ38" s="1">
        <v>0</v>
      </c>
      <c r="BK38" s="1">
        <v>0</v>
      </c>
      <c r="BL38" s="1">
        <v>0</v>
      </c>
      <c r="BM38" s="1">
        <v>0</v>
      </c>
      <c r="BN38" s="1">
        <v>0</v>
      </c>
      <c r="BO38" s="1">
        <v>0</v>
      </c>
      <c r="BP38" s="1">
        <v>0</v>
      </c>
      <c r="BQ38" s="1">
        <v>0</v>
      </c>
      <c r="BR38" s="1">
        <v>0</v>
      </c>
      <c r="BS38" s="1">
        <v>0</v>
      </c>
      <c r="BT38" s="1">
        <v>0</v>
      </c>
      <c r="BU38" s="1">
        <v>0</v>
      </c>
      <c r="BV38" s="3">
        <v>0</v>
      </c>
      <c r="BW38" s="1">
        <v>0</v>
      </c>
      <c r="BX38" s="1">
        <v>0</v>
      </c>
      <c r="BY38" s="1">
        <v>0</v>
      </c>
      <c r="BZ38" s="1">
        <v>0</v>
      </c>
      <c r="CA38" s="1">
        <v>0</v>
      </c>
      <c r="CB38" s="1">
        <v>0</v>
      </c>
      <c r="CC38" s="1">
        <v>0</v>
      </c>
      <c r="CD38" s="1">
        <v>0</v>
      </c>
      <c r="CE38" s="1">
        <v>0</v>
      </c>
      <c r="CF38" s="1">
        <v>0</v>
      </c>
      <c r="CG38" s="1">
        <v>0</v>
      </c>
      <c r="CH38" s="1">
        <v>0</v>
      </c>
      <c r="CI38" s="1">
        <v>0</v>
      </c>
      <c r="CJ38" s="1">
        <v>0</v>
      </c>
      <c r="CK38" s="1">
        <v>0</v>
      </c>
      <c r="CL38" s="1">
        <v>0</v>
      </c>
      <c r="CM38" s="1">
        <v>0</v>
      </c>
      <c r="CN38" s="1">
        <v>0</v>
      </c>
      <c r="CO38" s="1">
        <v>0</v>
      </c>
      <c r="CP38" s="1">
        <v>0</v>
      </c>
      <c r="CQ38" s="1">
        <v>0</v>
      </c>
      <c r="CR38" s="1">
        <v>0</v>
      </c>
      <c r="CS38" s="1">
        <v>0</v>
      </c>
      <c r="CT38" s="3">
        <v>0</v>
      </c>
      <c r="CU38" s="1">
        <v>0</v>
      </c>
      <c r="CV38" s="1">
        <v>0</v>
      </c>
      <c r="CW38" s="1">
        <v>0</v>
      </c>
      <c r="CX38" s="1">
        <v>0</v>
      </c>
      <c r="CY38" s="1">
        <v>0</v>
      </c>
      <c r="CZ38" s="1">
        <v>0</v>
      </c>
      <c r="DA38" s="1">
        <v>0</v>
      </c>
      <c r="DB38" s="1">
        <v>0</v>
      </c>
      <c r="DC38" s="1">
        <v>0</v>
      </c>
      <c r="DD38" s="1">
        <v>312</v>
      </c>
      <c r="DE38" s="1">
        <v>0</v>
      </c>
      <c r="DF38" s="1">
        <v>0</v>
      </c>
      <c r="DG38" s="3">
        <v>312</v>
      </c>
      <c r="DH38" s="3">
        <v>11798</v>
      </c>
    </row>
    <row r="39" spans="1:112" ht="10" customHeight="1">
      <c r="A39" s="141"/>
      <c r="B39" s="29"/>
      <c r="C39" s="98" t="s">
        <v>91</v>
      </c>
      <c r="D39" s="90"/>
      <c r="E39" s="90"/>
      <c r="F39" s="91"/>
      <c r="G39" s="1">
        <v>0</v>
      </c>
      <c r="H39" s="1">
        <v>0</v>
      </c>
      <c r="I39" s="1">
        <v>0</v>
      </c>
      <c r="J39" s="1">
        <v>0</v>
      </c>
      <c r="K39" s="1">
        <v>0</v>
      </c>
      <c r="L39" s="1">
        <v>0</v>
      </c>
      <c r="M39" s="1">
        <v>0</v>
      </c>
      <c r="N39" s="1">
        <v>0</v>
      </c>
      <c r="O39" s="1">
        <v>0</v>
      </c>
      <c r="P39" s="1">
        <v>0</v>
      </c>
      <c r="Q39" s="1">
        <v>0</v>
      </c>
      <c r="R39" s="1">
        <v>0</v>
      </c>
      <c r="S39" s="1">
        <v>0</v>
      </c>
      <c r="T39" s="1">
        <v>0</v>
      </c>
      <c r="U39" s="1">
        <v>0</v>
      </c>
      <c r="V39" s="1">
        <v>0</v>
      </c>
      <c r="W39" s="1">
        <v>0</v>
      </c>
      <c r="X39" s="1">
        <v>0</v>
      </c>
      <c r="Y39" s="1">
        <v>0</v>
      </c>
      <c r="Z39" s="1">
        <v>0</v>
      </c>
      <c r="AA39" s="1">
        <v>0</v>
      </c>
      <c r="AB39" s="1">
        <v>0</v>
      </c>
      <c r="AC39" s="1">
        <v>0</v>
      </c>
      <c r="AD39" s="1">
        <v>0</v>
      </c>
      <c r="AE39" s="1">
        <v>0</v>
      </c>
      <c r="AF39" s="1">
        <v>0</v>
      </c>
      <c r="AG39" s="1">
        <v>0</v>
      </c>
      <c r="AH39" s="1">
        <v>0</v>
      </c>
      <c r="AI39" s="1">
        <v>0</v>
      </c>
      <c r="AJ39" s="1">
        <v>0</v>
      </c>
      <c r="AK39" s="1">
        <v>0</v>
      </c>
      <c r="AL39" s="1">
        <v>0</v>
      </c>
      <c r="AM39" s="1">
        <v>0</v>
      </c>
      <c r="AN39" s="1">
        <v>0</v>
      </c>
      <c r="AO39" s="1">
        <v>0</v>
      </c>
      <c r="AP39" s="1">
        <v>0</v>
      </c>
      <c r="AQ39" s="1">
        <v>0</v>
      </c>
      <c r="AR39" s="1">
        <v>0</v>
      </c>
      <c r="AS39" s="1">
        <v>0</v>
      </c>
      <c r="AT39" s="1">
        <v>0</v>
      </c>
      <c r="AU39" s="1">
        <v>0</v>
      </c>
      <c r="AV39" s="1">
        <v>0</v>
      </c>
      <c r="AW39" s="1">
        <v>0</v>
      </c>
      <c r="AX39" s="1">
        <v>0</v>
      </c>
      <c r="AY39" s="1">
        <v>0</v>
      </c>
      <c r="AZ39" s="1">
        <v>0</v>
      </c>
      <c r="BA39" s="1">
        <v>0</v>
      </c>
      <c r="BB39" s="1">
        <v>0</v>
      </c>
      <c r="BC39" s="1">
        <v>0</v>
      </c>
      <c r="BD39" s="1">
        <v>0</v>
      </c>
      <c r="BE39" s="1">
        <v>0</v>
      </c>
      <c r="BF39" s="1">
        <v>0</v>
      </c>
      <c r="BG39" s="1">
        <v>0</v>
      </c>
      <c r="BH39" s="1">
        <v>0</v>
      </c>
      <c r="BI39" s="1">
        <v>0</v>
      </c>
      <c r="BJ39" s="1">
        <v>0</v>
      </c>
      <c r="BK39" s="1">
        <v>0</v>
      </c>
      <c r="BL39" s="1">
        <v>0</v>
      </c>
      <c r="BM39" s="1">
        <v>0</v>
      </c>
      <c r="BN39" s="1">
        <v>0</v>
      </c>
      <c r="BO39" s="1">
        <v>0</v>
      </c>
      <c r="BP39" s="1">
        <v>0</v>
      </c>
      <c r="BQ39" s="1">
        <v>0</v>
      </c>
      <c r="BR39" s="1">
        <v>0</v>
      </c>
      <c r="BS39" s="1">
        <v>0</v>
      </c>
      <c r="BT39" s="1">
        <v>0</v>
      </c>
      <c r="BU39" s="1">
        <v>0</v>
      </c>
      <c r="BV39" s="3">
        <v>0</v>
      </c>
      <c r="BW39" s="1">
        <v>0</v>
      </c>
      <c r="BX39" s="1">
        <v>0</v>
      </c>
      <c r="BY39" s="1">
        <v>0</v>
      </c>
      <c r="BZ39" s="1">
        <v>0</v>
      </c>
      <c r="CA39" s="1">
        <v>0</v>
      </c>
      <c r="CB39" s="1">
        <v>0</v>
      </c>
      <c r="CC39" s="1">
        <v>0</v>
      </c>
      <c r="CD39" s="1">
        <v>0</v>
      </c>
      <c r="CE39" s="1">
        <v>0</v>
      </c>
      <c r="CF39" s="1">
        <v>0</v>
      </c>
      <c r="CG39" s="1">
        <v>0</v>
      </c>
      <c r="CH39" s="1">
        <v>0</v>
      </c>
      <c r="CI39" s="1">
        <v>0</v>
      </c>
      <c r="CJ39" s="1">
        <v>0</v>
      </c>
      <c r="CK39" s="1">
        <v>0</v>
      </c>
      <c r="CL39" s="1">
        <v>0</v>
      </c>
      <c r="CM39" s="1">
        <v>0</v>
      </c>
      <c r="CN39" s="1">
        <v>0</v>
      </c>
      <c r="CO39" s="1">
        <v>0</v>
      </c>
      <c r="CP39" s="1">
        <v>0</v>
      </c>
      <c r="CQ39" s="1">
        <v>0</v>
      </c>
      <c r="CR39" s="1">
        <v>0</v>
      </c>
      <c r="CS39" s="1">
        <v>0</v>
      </c>
      <c r="CT39" s="3">
        <v>0</v>
      </c>
      <c r="CU39" s="1">
        <v>0</v>
      </c>
      <c r="CV39" s="1">
        <v>0</v>
      </c>
      <c r="CW39" s="1">
        <v>0</v>
      </c>
      <c r="CX39" s="1">
        <v>0</v>
      </c>
      <c r="CY39" s="1">
        <v>0</v>
      </c>
      <c r="CZ39" s="1">
        <v>0</v>
      </c>
      <c r="DA39" s="1">
        <v>0</v>
      </c>
      <c r="DB39" s="1">
        <v>0</v>
      </c>
      <c r="DC39" s="1">
        <v>0</v>
      </c>
      <c r="DD39" s="1">
        <v>0</v>
      </c>
      <c r="DE39" s="1">
        <v>0</v>
      </c>
      <c r="DF39" s="1">
        <v>0</v>
      </c>
      <c r="DG39" s="3">
        <v>0</v>
      </c>
      <c r="DH39" s="3">
        <v>0</v>
      </c>
    </row>
    <row r="40" spans="1:112" ht="10" customHeight="1">
      <c r="A40" s="141"/>
      <c r="B40" s="29"/>
      <c r="C40" s="98" t="s">
        <v>219</v>
      </c>
      <c r="D40" s="90"/>
      <c r="E40" s="90"/>
      <c r="F40" s="91"/>
      <c r="G40" s="1">
        <v>4095685</v>
      </c>
      <c r="H40" s="1">
        <v>1376482</v>
      </c>
      <c r="I40" s="1">
        <v>173624</v>
      </c>
      <c r="J40" s="1">
        <v>1686300</v>
      </c>
      <c r="K40" s="1">
        <v>292991</v>
      </c>
      <c r="L40" s="1">
        <v>115562</v>
      </c>
      <c r="M40" s="1">
        <v>912007</v>
      </c>
      <c r="N40" s="1">
        <v>346575</v>
      </c>
      <c r="O40" s="1">
        <v>290932</v>
      </c>
      <c r="P40" s="1">
        <v>420327</v>
      </c>
      <c r="Q40" s="1">
        <v>405601</v>
      </c>
      <c r="R40" s="1">
        <v>1235522</v>
      </c>
      <c r="S40" s="1">
        <v>229923</v>
      </c>
      <c r="T40" s="1">
        <v>79828</v>
      </c>
      <c r="U40" s="1">
        <v>170429</v>
      </c>
      <c r="V40" s="1">
        <v>643228</v>
      </c>
      <c r="W40" s="1">
        <v>513563</v>
      </c>
      <c r="X40" s="1">
        <v>998356</v>
      </c>
      <c r="Y40" s="1">
        <v>704753</v>
      </c>
      <c r="Z40" s="1">
        <v>334337</v>
      </c>
      <c r="AA40" s="1">
        <v>941933</v>
      </c>
      <c r="AB40" s="1">
        <v>213024</v>
      </c>
      <c r="AC40" s="1">
        <v>126738</v>
      </c>
      <c r="AD40" s="1">
        <v>162160</v>
      </c>
      <c r="AE40" s="1">
        <v>172182</v>
      </c>
      <c r="AF40" s="1">
        <v>324770</v>
      </c>
      <c r="AG40" s="1">
        <v>127540</v>
      </c>
      <c r="AH40" s="1">
        <v>741724</v>
      </c>
      <c r="AI40" s="1">
        <v>156990</v>
      </c>
      <c r="AJ40" s="1">
        <v>938469</v>
      </c>
      <c r="AK40" s="1">
        <v>216523</v>
      </c>
      <c r="AL40" s="1">
        <v>153228</v>
      </c>
      <c r="AM40" s="1">
        <v>95135</v>
      </c>
      <c r="AN40" s="1">
        <v>154510</v>
      </c>
      <c r="AO40" s="1">
        <v>39972</v>
      </c>
      <c r="AP40" s="1">
        <v>229070</v>
      </c>
      <c r="AQ40" s="1">
        <v>981490</v>
      </c>
      <c r="AR40" s="1">
        <v>134735</v>
      </c>
      <c r="AS40" s="1">
        <v>54893</v>
      </c>
      <c r="AT40" s="1">
        <v>47004</v>
      </c>
      <c r="AU40" s="1">
        <v>7</v>
      </c>
      <c r="AV40" s="1">
        <v>43256</v>
      </c>
      <c r="AW40" s="1">
        <v>141661</v>
      </c>
      <c r="AX40" s="1">
        <v>88419</v>
      </c>
      <c r="AY40" s="1">
        <v>25390</v>
      </c>
      <c r="AZ40" s="1">
        <v>11642</v>
      </c>
      <c r="BA40" s="1">
        <v>2022</v>
      </c>
      <c r="BB40" s="1">
        <v>152685</v>
      </c>
      <c r="BC40" s="1">
        <v>28408</v>
      </c>
      <c r="BD40" s="1">
        <v>98506</v>
      </c>
      <c r="BE40" s="1">
        <v>89020</v>
      </c>
      <c r="BF40" s="1">
        <v>108160</v>
      </c>
      <c r="BG40" s="1">
        <v>588290</v>
      </c>
      <c r="BH40" s="1">
        <v>544803</v>
      </c>
      <c r="BI40" s="1">
        <v>22960384</v>
      </c>
      <c r="BJ40" s="1">
        <v>13528</v>
      </c>
      <c r="BK40" s="1">
        <v>0</v>
      </c>
      <c r="BL40" s="1">
        <v>0</v>
      </c>
      <c r="BM40" s="1">
        <v>12992</v>
      </c>
      <c r="BN40" s="1">
        <v>9408</v>
      </c>
      <c r="BO40" s="1">
        <v>5223</v>
      </c>
      <c r="BP40" s="1">
        <v>9107</v>
      </c>
      <c r="BQ40" s="1">
        <v>9878</v>
      </c>
      <c r="BR40" s="1">
        <v>1719</v>
      </c>
      <c r="BS40" s="1">
        <v>4920</v>
      </c>
      <c r="BT40" s="1">
        <v>7782</v>
      </c>
      <c r="BU40" s="1">
        <v>36940</v>
      </c>
      <c r="BV40" s="3">
        <v>111497</v>
      </c>
      <c r="BW40" s="1">
        <v>14435</v>
      </c>
      <c r="BX40" s="1">
        <v>14828</v>
      </c>
      <c r="BY40" s="1">
        <v>36855</v>
      </c>
      <c r="BZ40" s="1">
        <v>54242</v>
      </c>
      <c r="CA40" s="1">
        <v>30300</v>
      </c>
      <c r="CB40" s="1">
        <v>92958</v>
      </c>
      <c r="CC40" s="1">
        <v>42721</v>
      </c>
      <c r="CD40" s="1">
        <v>17671</v>
      </c>
      <c r="CE40" s="1">
        <v>997</v>
      </c>
      <c r="CF40" s="1">
        <v>2093</v>
      </c>
      <c r="CG40" s="1">
        <v>13019</v>
      </c>
      <c r="CH40" s="1">
        <v>12354</v>
      </c>
      <c r="CI40" s="1">
        <v>3163</v>
      </c>
      <c r="CJ40" s="1">
        <v>9016</v>
      </c>
      <c r="CK40" s="1">
        <v>0</v>
      </c>
      <c r="CL40" s="1">
        <v>96576</v>
      </c>
      <c r="CM40" s="1">
        <v>4670</v>
      </c>
      <c r="CN40" s="1">
        <v>4714</v>
      </c>
      <c r="CO40" s="1">
        <v>38385</v>
      </c>
      <c r="CP40" s="1">
        <v>2520</v>
      </c>
      <c r="CQ40" s="1">
        <v>7976</v>
      </c>
      <c r="CR40" s="1">
        <v>7995</v>
      </c>
      <c r="CS40" s="1">
        <v>2717</v>
      </c>
      <c r="CT40" s="3">
        <v>510205</v>
      </c>
      <c r="CU40" s="1">
        <v>4678</v>
      </c>
      <c r="CV40" s="1">
        <v>366</v>
      </c>
      <c r="CW40" s="1">
        <v>17317</v>
      </c>
      <c r="CX40" s="1">
        <v>1167</v>
      </c>
      <c r="CY40" s="1">
        <v>1596</v>
      </c>
      <c r="CZ40" s="1">
        <v>2250</v>
      </c>
      <c r="DA40" s="1">
        <v>9491</v>
      </c>
      <c r="DB40" s="1">
        <v>2120</v>
      </c>
      <c r="DC40" s="1">
        <v>11568</v>
      </c>
      <c r="DD40" s="1">
        <v>3680</v>
      </c>
      <c r="DE40" s="1">
        <v>2372</v>
      </c>
      <c r="DF40" s="1">
        <v>956</v>
      </c>
      <c r="DG40" s="3">
        <v>57561</v>
      </c>
      <c r="DH40" s="3">
        <v>23639647</v>
      </c>
    </row>
    <row r="41" spans="1:112" ht="10" customHeight="1">
      <c r="A41" s="141"/>
      <c r="B41" s="29"/>
      <c r="C41" s="98" t="s">
        <v>220</v>
      </c>
      <c r="D41" s="90"/>
      <c r="E41" s="90"/>
      <c r="F41" s="91"/>
      <c r="G41" s="1">
        <v>0</v>
      </c>
      <c r="H41" s="1">
        <v>0</v>
      </c>
      <c r="I41" s="1">
        <v>49271</v>
      </c>
      <c r="J41" s="1">
        <v>0</v>
      </c>
      <c r="K41" s="1">
        <v>0</v>
      </c>
      <c r="L41" s="1">
        <v>0</v>
      </c>
      <c r="M41" s="1">
        <v>0</v>
      </c>
      <c r="N41" s="1">
        <v>0</v>
      </c>
      <c r="O41" s="1">
        <v>0</v>
      </c>
      <c r="P41" s="1">
        <v>0</v>
      </c>
      <c r="Q41" s="1">
        <v>0</v>
      </c>
      <c r="R41" s="1">
        <v>0</v>
      </c>
      <c r="S41" s="1">
        <v>0</v>
      </c>
      <c r="T41" s="1">
        <v>0</v>
      </c>
      <c r="U41" s="1">
        <v>0</v>
      </c>
      <c r="V41" s="1">
        <v>473</v>
      </c>
      <c r="W41" s="1">
        <v>0</v>
      </c>
      <c r="X41" s="1">
        <v>0</v>
      </c>
      <c r="Y41" s="1">
        <v>0</v>
      </c>
      <c r="Z41" s="1">
        <v>0</v>
      </c>
      <c r="AA41" s="1">
        <v>0</v>
      </c>
      <c r="AB41" s="1">
        <v>0</v>
      </c>
      <c r="AC41" s="1">
        <v>0</v>
      </c>
      <c r="AD41" s="1">
        <v>0</v>
      </c>
      <c r="AE41" s="1">
        <v>0</v>
      </c>
      <c r="AF41" s="1">
        <v>0</v>
      </c>
      <c r="AG41" s="1">
        <v>0</v>
      </c>
      <c r="AH41" s="1">
        <v>0</v>
      </c>
      <c r="AI41" s="1">
        <v>0</v>
      </c>
      <c r="AJ41" s="1">
        <v>0</v>
      </c>
      <c r="AK41" s="1">
        <v>0</v>
      </c>
      <c r="AL41" s="1">
        <v>0</v>
      </c>
      <c r="AM41" s="1">
        <v>0</v>
      </c>
      <c r="AN41" s="1">
        <v>0</v>
      </c>
      <c r="AO41" s="1">
        <v>0</v>
      </c>
      <c r="AP41" s="1">
        <v>0</v>
      </c>
      <c r="AQ41" s="1">
        <v>0</v>
      </c>
      <c r="AR41" s="1">
        <v>0</v>
      </c>
      <c r="AS41" s="1">
        <v>0</v>
      </c>
      <c r="AT41" s="1">
        <v>0</v>
      </c>
      <c r="AU41" s="1">
        <v>0</v>
      </c>
      <c r="AV41" s="1">
        <v>0</v>
      </c>
      <c r="AW41" s="1">
        <v>0</v>
      </c>
      <c r="AX41" s="1">
        <v>0</v>
      </c>
      <c r="AY41" s="1">
        <v>0</v>
      </c>
      <c r="AZ41" s="1">
        <v>0</v>
      </c>
      <c r="BA41" s="1">
        <v>0</v>
      </c>
      <c r="BB41" s="1">
        <v>0</v>
      </c>
      <c r="BC41" s="1">
        <v>0</v>
      </c>
      <c r="BD41" s="1">
        <v>0</v>
      </c>
      <c r="BE41" s="1">
        <v>0</v>
      </c>
      <c r="BF41" s="1">
        <v>0</v>
      </c>
      <c r="BG41" s="1">
        <v>210450</v>
      </c>
      <c r="BH41" s="1">
        <v>56</v>
      </c>
      <c r="BI41" s="1">
        <v>260250</v>
      </c>
      <c r="BJ41" s="1">
        <v>0</v>
      </c>
      <c r="BK41" s="1">
        <v>0</v>
      </c>
      <c r="BL41" s="1">
        <v>0</v>
      </c>
      <c r="BM41" s="1">
        <v>0</v>
      </c>
      <c r="BN41" s="1">
        <v>0</v>
      </c>
      <c r="BO41" s="1">
        <v>0</v>
      </c>
      <c r="BP41" s="1">
        <v>0</v>
      </c>
      <c r="BQ41" s="1">
        <v>0</v>
      </c>
      <c r="BR41" s="1">
        <v>0</v>
      </c>
      <c r="BS41" s="1">
        <v>0</v>
      </c>
      <c r="BT41" s="1">
        <v>0</v>
      </c>
      <c r="BU41" s="1">
        <v>0</v>
      </c>
      <c r="BV41" s="3">
        <v>0</v>
      </c>
      <c r="BW41" s="1">
        <v>0</v>
      </c>
      <c r="BX41" s="1">
        <v>0</v>
      </c>
      <c r="BY41" s="1">
        <v>0</v>
      </c>
      <c r="BZ41" s="1">
        <v>0</v>
      </c>
      <c r="CA41" s="1">
        <v>0</v>
      </c>
      <c r="CB41" s="1">
        <v>132</v>
      </c>
      <c r="CC41" s="1">
        <v>0</v>
      </c>
      <c r="CD41" s="1">
        <v>0</v>
      </c>
      <c r="CE41" s="1">
        <v>2651</v>
      </c>
      <c r="CF41" s="1">
        <v>0</v>
      </c>
      <c r="CG41" s="1">
        <v>0</v>
      </c>
      <c r="CH41" s="1">
        <v>0</v>
      </c>
      <c r="CI41" s="1">
        <v>0</v>
      </c>
      <c r="CJ41" s="1">
        <v>0</v>
      </c>
      <c r="CK41" s="1">
        <v>0</v>
      </c>
      <c r="CL41" s="1">
        <v>0</v>
      </c>
      <c r="CM41" s="1">
        <v>0</v>
      </c>
      <c r="CN41" s="1">
        <v>0</v>
      </c>
      <c r="CO41" s="1">
        <v>0</v>
      </c>
      <c r="CP41" s="1">
        <v>0</v>
      </c>
      <c r="CQ41" s="1">
        <v>0</v>
      </c>
      <c r="CR41" s="1">
        <v>0</v>
      </c>
      <c r="CS41" s="1">
        <v>0</v>
      </c>
      <c r="CT41" s="3">
        <v>2783</v>
      </c>
      <c r="CU41" s="1">
        <v>0</v>
      </c>
      <c r="CV41" s="1">
        <v>0</v>
      </c>
      <c r="CW41" s="1">
        <v>0</v>
      </c>
      <c r="CX41" s="1">
        <v>0</v>
      </c>
      <c r="CY41" s="1">
        <v>0</v>
      </c>
      <c r="CZ41" s="1">
        <v>0</v>
      </c>
      <c r="DA41" s="1">
        <v>0</v>
      </c>
      <c r="DB41" s="1">
        <v>0</v>
      </c>
      <c r="DC41" s="1">
        <v>0</v>
      </c>
      <c r="DD41" s="1">
        <v>0</v>
      </c>
      <c r="DE41" s="1">
        <v>0</v>
      </c>
      <c r="DF41" s="1">
        <v>0</v>
      </c>
      <c r="DG41" s="3">
        <v>0</v>
      </c>
      <c r="DH41" s="3">
        <v>263033</v>
      </c>
    </row>
    <row r="42" spans="1:112" ht="10" customHeight="1">
      <c r="A42" s="141"/>
      <c r="B42" s="30"/>
      <c r="C42" s="98" t="s">
        <v>226</v>
      </c>
      <c r="D42" s="90"/>
      <c r="E42" s="90"/>
      <c r="F42" s="91"/>
      <c r="G42" s="1">
        <v>14900</v>
      </c>
      <c r="H42" s="1">
        <v>210487</v>
      </c>
      <c r="I42" s="1">
        <v>1350</v>
      </c>
      <c r="J42" s="1">
        <v>9373</v>
      </c>
      <c r="K42" s="1">
        <v>111</v>
      </c>
      <c r="L42" s="1">
        <v>0</v>
      </c>
      <c r="M42" s="1">
        <v>7986</v>
      </c>
      <c r="N42" s="1">
        <v>500</v>
      </c>
      <c r="O42" s="1">
        <v>280</v>
      </c>
      <c r="P42" s="1">
        <v>440</v>
      </c>
      <c r="Q42" s="1">
        <v>851</v>
      </c>
      <c r="R42" s="1">
        <v>3000</v>
      </c>
      <c r="S42" s="1">
        <v>850</v>
      </c>
      <c r="T42" s="1">
        <v>101</v>
      </c>
      <c r="U42" s="1">
        <v>1000</v>
      </c>
      <c r="V42" s="1">
        <v>3319</v>
      </c>
      <c r="W42" s="1">
        <v>9909</v>
      </c>
      <c r="X42" s="1">
        <v>3683</v>
      </c>
      <c r="Y42" s="1">
        <v>759</v>
      </c>
      <c r="Z42" s="1">
        <v>360</v>
      </c>
      <c r="AA42" s="1">
        <v>1855</v>
      </c>
      <c r="AB42" s="1">
        <v>1849</v>
      </c>
      <c r="AC42" s="1">
        <v>16969</v>
      </c>
      <c r="AD42" s="1">
        <v>444</v>
      </c>
      <c r="AE42" s="1">
        <v>0</v>
      </c>
      <c r="AF42" s="1">
        <v>200</v>
      </c>
      <c r="AG42" s="1">
        <v>0</v>
      </c>
      <c r="AH42" s="1">
        <v>42800</v>
      </c>
      <c r="AI42" s="1">
        <v>1120</v>
      </c>
      <c r="AJ42" s="1">
        <v>500</v>
      </c>
      <c r="AK42" s="1">
        <v>1115</v>
      </c>
      <c r="AL42" s="1">
        <v>17166</v>
      </c>
      <c r="AM42" s="1">
        <v>3593</v>
      </c>
      <c r="AN42" s="1">
        <v>900</v>
      </c>
      <c r="AO42" s="1">
        <v>617</v>
      </c>
      <c r="AP42" s="1">
        <v>50385</v>
      </c>
      <c r="AQ42" s="1">
        <v>100</v>
      </c>
      <c r="AR42" s="1">
        <v>5270</v>
      </c>
      <c r="AS42" s="1">
        <v>40</v>
      </c>
      <c r="AT42" s="1">
        <v>30</v>
      </c>
      <c r="AU42" s="1">
        <v>0</v>
      </c>
      <c r="AV42" s="1">
        <v>9150</v>
      </c>
      <c r="AW42" s="1">
        <v>170</v>
      </c>
      <c r="AX42" s="1">
        <v>0</v>
      </c>
      <c r="AY42" s="1">
        <v>160</v>
      </c>
      <c r="AZ42" s="1">
        <v>0</v>
      </c>
      <c r="BA42" s="1">
        <v>0</v>
      </c>
      <c r="BB42" s="1">
        <v>91</v>
      </c>
      <c r="BC42" s="1">
        <v>0</v>
      </c>
      <c r="BD42" s="1">
        <v>100</v>
      </c>
      <c r="BE42" s="1">
        <v>0</v>
      </c>
      <c r="BF42" s="1">
        <v>429</v>
      </c>
      <c r="BG42" s="1">
        <v>1610</v>
      </c>
      <c r="BH42" s="1">
        <v>19</v>
      </c>
      <c r="BI42" s="1">
        <v>425941</v>
      </c>
      <c r="BJ42" s="1">
        <v>0</v>
      </c>
      <c r="BK42" s="1">
        <v>0</v>
      </c>
      <c r="BL42" s="1">
        <v>0</v>
      </c>
      <c r="BM42" s="1">
        <v>0</v>
      </c>
      <c r="BN42" s="1">
        <v>0</v>
      </c>
      <c r="BO42" s="1">
        <v>120</v>
      </c>
      <c r="BP42" s="1">
        <v>0</v>
      </c>
      <c r="BQ42" s="1">
        <v>90</v>
      </c>
      <c r="BR42" s="1">
        <v>0</v>
      </c>
      <c r="BS42" s="1">
        <v>29</v>
      </c>
      <c r="BT42" s="1">
        <v>0</v>
      </c>
      <c r="BU42" s="1">
        <v>0</v>
      </c>
      <c r="BV42" s="3">
        <v>239</v>
      </c>
      <c r="BW42" s="1">
        <v>0</v>
      </c>
      <c r="BX42" s="1">
        <v>0</v>
      </c>
      <c r="BY42" s="1">
        <v>0</v>
      </c>
      <c r="BZ42" s="1">
        <v>0</v>
      </c>
      <c r="CA42" s="1">
        <v>100</v>
      </c>
      <c r="CB42" s="1">
        <v>4555</v>
      </c>
      <c r="CC42" s="1">
        <v>0</v>
      </c>
      <c r="CD42" s="1">
        <v>2660</v>
      </c>
      <c r="CE42" s="1">
        <v>50</v>
      </c>
      <c r="CF42" s="1">
        <v>0</v>
      </c>
      <c r="CG42" s="1">
        <v>49</v>
      </c>
      <c r="CH42" s="1">
        <v>180</v>
      </c>
      <c r="CI42" s="1">
        <v>0</v>
      </c>
      <c r="CJ42" s="1">
        <v>0</v>
      </c>
      <c r="CK42" s="1">
        <v>0</v>
      </c>
      <c r="CL42" s="1">
        <v>11209</v>
      </c>
      <c r="CM42" s="1">
        <v>0</v>
      </c>
      <c r="CN42" s="1">
        <v>0</v>
      </c>
      <c r="CO42" s="1">
        <v>0</v>
      </c>
      <c r="CP42" s="1">
        <v>120</v>
      </c>
      <c r="CQ42" s="1">
        <v>0</v>
      </c>
      <c r="CR42" s="1">
        <v>0</v>
      </c>
      <c r="CS42" s="1">
        <v>0</v>
      </c>
      <c r="CT42" s="3">
        <v>18923</v>
      </c>
      <c r="CU42" s="1">
        <v>0</v>
      </c>
      <c r="CV42" s="1">
        <v>0</v>
      </c>
      <c r="CW42" s="1">
        <v>0</v>
      </c>
      <c r="CX42" s="1">
        <v>0</v>
      </c>
      <c r="CY42" s="1">
        <v>0</v>
      </c>
      <c r="CZ42" s="1">
        <v>0</v>
      </c>
      <c r="DA42" s="1">
        <v>956</v>
      </c>
      <c r="DB42" s="1">
        <v>0</v>
      </c>
      <c r="DC42" s="1">
        <v>0</v>
      </c>
      <c r="DD42" s="1">
        <v>0</v>
      </c>
      <c r="DE42" s="1">
        <v>339</v>
      </c>
      <c r="DF42" s="1">
        <v>-4</v>
      </c>
      <c r="DG42" s="3">
        <v>1291</v>
      </c>
      <c r="DH42" s="3">
        <v>446394</v>
      </c>
    </row>
    <row r="43" spans="1:112" ht="10" customHeight="1">
      <c r="A43" s="141"/>
      <c r="B43" s="114" t="s">
        <v>191</v>
      </c>
      <c r="C43" s="90"/>
      <c r="D43" s="90"/>
      <c r="E43" s="90"/>
      <c r="F43" s="91"/>
      <c r="G43" s="1">
        <v>95549032</v>
      </c>
      <c r="H43" s="1">
        <v>17218187</v>
      </c>
      <c r="I43" s="1">
        <v>26842359</v>
      </c>
      <c r="J43" s="1">
        <v>62285518</v>
      </c>
      <c r="K43" s="1">
        <v>7276769</v>
      </c>
      <c r="L43" s="1">
        <v>4542236</v>
      </c>
      <c r="M43" s="1">
        <v>27776148</v>
      </c>
      <c r="N43" s="1">
        <v>15264044</v>
      </c>
      <c r="O43" s="1">
        <v>13114777</v>
      </c>
      <c r="P43" s="1">
        <v>16062464</v>
      </c>
      <c r="Q43" s="1">
        <v>14636389</v>
      </c>
      <c r="R43" s="1">
        <v>22111040</v>
      </c>
      <c r="S43" s="1">
        <v>15433716</v>
      </c>
      <c r="T43" s="1">
        <v>4794313</v>
      </c>
      <c r="U43" s="1">
        <v>17630037</v>
      </c>
      <c r="V43" s="1">
        <v>16337804</v>
      </c>
      <c r="W43" s="1">
        <v>24754290</v>
      </c>
      <c r="X43" s="1">
        <v>45147987</v>
      </c>
      <c r="Y43" s="1">
        <v>38334965</v>
      </c>
      <c r="Z43" s="1">
        <v>5935597</v>
      </c>
      <c r="AA43" s="1">
        <v>10473744</v>
      </c>
      <c r="AB43" s="1">
        <v>10566726</v>
      </c>
      <c r="AC43" s="1">
        <v>11965043</v>
      </c>
      <c r="AD43" s="1">
        <v>9835999</v>
      </c>
      <c r="AE43" s="1">
        <v>5222491</v>
      </c>
      <c r="AF43" s="1">
        <v>29769006</v>
      </c>
      <c r="AG43" s="1">
        <v>15994414</v>
      </c>
      <c r="AH43" s="1">
        <v>18160929</v>
      </c>
      <c r="AI43" s="1">
        <v>3533558</v>
      </c>
      <c r="AJ43" s="1">
        <v>23545834</v>
      </c>
      <c r="AK43" s="1">
        <v>7048412</v>
      </c>
      <c r="AL43" s="1">
        <v>20841485</v>
      </c>
      <c r="AM43" s="1">
        <v>7044204</v>
      </c>
      <c r="AN43" s="1">
        <v>8354048</v>
      </c>
      <c r="AO43" s="1">
        <v>5532468</v>
      </c>
      <c r="AP43" s="1">
        <v>21693103</v>
      </c>
      <c r="AQ43" s="1">
        <v>8359750</v>
      </c>
      <c r="AR43" s="1">
        <v>7691500</v>
      </c>
      <c r="AS43" s="1">
        <v>8998960</v>
      </c>
      <c r="AT43" s="1">
        <v>3165069</v>
      </c>
      <c r="AU43" s="1">
        <v>2399207</v>
      </c>
      <c r="AV43" s="1">
        <v>2431373</v>
      </c>
      <c r="AW43" s="1">
        <v>4060725</v>
      </c>
      <c r="AX43" s="1">
        <v>5839352</v>
      </c>
      <c r="AY43" s="1">
        <v>1611860</v>
      </c>
      <c r="AZ43" s="1">
        <v>706026</v>
      </c>
      <c r="BA43" s="1">
        <v>97986</v>
      </c>
      <c r="BB43" s="1">
        <v>1362968</v>
      </c>
      <c r="BC43" s="1">
        <v>3492491</v>
      </c>
      <c r="BD43" s="1">
        <v>10369497</v>
      </c>
      <c r="BE43" s="1">
        <v>7531157</v>
      </c>
      <c r="BF43" s="1">
        <v>3500168</v>
      </c>
      <c r="BG43" s="1">
        <v>29236156</v>
      </c>
      <c r="BH43" s="1">
        <v>15224893</v>
      </c>
      <c r="BI43" s="1">
        <v>816708274</v>
      </c>
      <c r="BJ43" s="1">
        <v>96036</v>
      </c>
      <c r="BK43" s="1">
        <v>0</v>
      </c>
      <c r="BL43" s="1">
        <v>265685</v>
      </c>
      <c r="BM43" s="1">
        <v>1619408</v>
      </c>
      <c r="BN43" s="1">
        <v>1189072</v>
      </c>
      <c r="BO43" s="1">
        <v>791267</v>
      </c>
      <c r="BP43" s="1">
        <v>1486997</v>
      </c>
      <c r="BQ43" s="1">
        <v>1548274</v>
      </c>
      <c r="BR43" s="1">
        <v>643646</v>
      </c>
      <c r="BS43" s="1">
        <v>205027</v>
      </c>
      <c r="BT43" s="1">
        <v>609180</v>
      </c>
      <c r="BU43" s="1">
        <v>717570</v>
      </c>
      <c r="BV43" s="3">
        <v>9172162</v>
      </c>
      <c r="BW43" s="1">
        <v>3364337</v>
      </c>
      <c r="BX43" s="1">
        <v>1442191</v>
      </c>
      <c r="BY43" s="1">
        <v>6443905</v>
      </c>
      <c r="BZ43" s="1">
        <v>1619806</v>
      </c>
      <c r="CA43" s="1">
        <v>1136423</v>
      </c>
      <c r="CB43" s="1">
        <v>6472733</v>
      </c>
      <c r="CC43" s="1">
        <v>4696388</v>
      </c>
      <c r="CD43" s="1">
        <v>1900451</v>
      </c>
      <c r="CE43" s="1">
        <v>240812</v>
      </c>
      <c r="CF43" s="1">
        <v>272261</v>
      </c>
      <c r="CG43" s="1">
        <v>470214</v>
      </c>
      <c r="CH43" s="1">
        <v>662188</v>
      </c>
      <c r="CI43" s="1">
        <v>382119</v>
      </c>
      <c r="CJ43" s="1">
        <v>551943</v>
      </c>
      <c r="CK43" s="1">
        <v>896003</v>
      </c>
      <c r="CL43" s="1">
        <v>1043570</v>
      </c>
      <c r="CM43" s="1">
        <v>3883791</v>
      </c>
      <c r="CN43" s="1">
        <v>447758</v>
      </c>
      <c r="CO43" s="1">
        <v>3189147</v>
      </c>
      <c r="CP43" s="1">
        <v>142106</v>
      </c>
      <c r="CQ43" s="1">
        <v>1430630</v>
      </c>
      <c r="CR43" s="1">
        <v>489698</v>
      </c>
      <c r="CS43" s="1">
        <v>134303</v>
      </c>
      <c r="CT43" s="3">
        <v>41312777</v>
      </c>
      <c r="CU43" s="1">
        <v>757711</v>
      </c>
      <c r="CV43" s="1">
        <v>115947</v>
      </c>
      <c r="CW43" s="1">
        <v>585909</v>
      </c>
      <c r="CX43" s="1">
        <v>9431</v>
      </c>
      <c r="CY43" s="1">
        <v>19500</v>
      </c>
      <c r="CZ43" s="1">
        <v>83904</v>
      </c>
      <c r="DA43" s="1">
        <v>437057</v>
      </c>
      <c r="DB43" s="1">
        <v>121750</v>
      </c>
      <c r="DC43" s="1">
        <v>611685</v>
      </c>
      <c r="DD43" s="1">
        <v>149612</v>
      </c>
      <c r="DE43" s="1">
        <v>45123</v>
      </c>
      <c r="DF43" s="1">
        <v>80067</v>
      </c>
      <c r="DG43" s="3">
        <v>3017696</v>
      </c>
      <c r="DH43" s="3">
        <v>870210909</v>
      </c>
    </row>
    <row r="44" spans="1:112" ht="10" customHeight="1">
      <c r="A44" s="141"/>
      <c r="B44" s="54"/>
      <c r="C44" s="98" t="s">
        <v>192</v>
      </c>
      <c r="D44" s="90"/>
      <c r="E44" s="90"/>
      <c r="F44" s="91"/>
      <c r="G44" s="1">
        <v>149142738</v>
      </c>
      <c r="H44" s="1">
        <v>34041396</v>
      </c>
      <c r="I44" s="1">
        <v>32646349</v>
      </c>
      <c r="J44" s="1">
        <v>79327608</v>
      </c>
      <c r="K44" s="1">
        <v>9523145</v>
      </c>
      <c r="L44" s="1">
        <v>10976696</v>
      </c>
      <c r="M44" s="1">
        <v>39683836</v>
      </c>
      <c r="N44" s="1">
        <v>18537458</v>
      </c>
      <c r="O44" s="1">
        <v>25673138</v>
      </c>
      <c r="P44" s="1">
        <v>22355711</v>
      </c>
      <c r="Q44" s="1">
        <v>19580622</v>
      </c>
      <c r="R44" s="1">
        <v>31063542</v>
      </c>
      <c r="S44" s="1">
        <v>26898045</v>
      </c>
      <c r="T44" s="1">
        <v>6002110</v>
      </c>
      <c r="U44" s="1">
        <v>27898026</v>
      </c>
      <c r="V44" s="1">
        <v>31749226</v>
      </c>
      <c r="W44" s="1">
        <v>30551693</v>
      </c>
      <c r="X44" s="1">
        <v>54151643</v>
      </c>
      <c r="Y44" s="1">
        <v>47479054</v>
      </c>
      <c r="Z44" s="1">
        <v>8130614</v>
      </c>
      <c r="AA44" s="1">
        <v>16122584</v>
      </c>
      <c r="AB44" s="1">
        <v>15260781</v>
      </c>
      <c r="AC44" s="1">
        <v>15298325</v>
      </c>
      <c r="AD44" s="1">
        <v>16281028</v>
      </c>
      <c r="AE44" s="1">
        <v>6830546</v>
      </c>
      <c r="AF44" s="1">
        <v>35702787</v>
      </c>
      <c r="AG44" s="1">
        <v>20924998</v>
      </c>
      <c r="AH44" s="1">
        <v>26646259</v>
      </c>
      <c r="AI44" s="1">
        <v>5102744</v>
      </c>
      <c r="AJ44" s="1">
        <v>29134944</v>
      </c>
      <c r="AK44" s="1">
        <v>15232291</v>
      </c>
      <c r="AL44" s="1">
        <v>24446236</v>
      </c>
      <c r="AM44" s="1">
        <v>14158026</v>
      </c>
      <c r="AN44" s="1">
        <v>14814193</v>
      </c>
      <c r="AO44" s="1">
        <v>13758595</v>
      </c>
      <c r="AP44" s="1">
        <v>25382870</v>
      </c>
      <c r="AQ44" s="1">
        <v>11774355</v>
      </c>
      <c r="AR44" s="1">
        <v>9237974</v>
      </c>
      <c r="AS44" s="1">
        <v>10751454</v>
      </c>
      <c r="AT44" s="1">
        <v>4073904</v>
      </c>
      <c r="AU44" s="1">
        <v>3896364</v>
      </c>
      <c r="AV44" s="1">
        <v>3130999</v>
      </c>
      <c r="AW44" s="1">
        <v>4794637</v>
      </c>
      <c r="AX44" s="1">
        <v>6793543</v>
      </c>
      <c r="AY44" s="1">
        <v>1707860</v>
      </c>
      <c r="AZ44" s="1">
        <v>768836</v>
      </c>
      <c r="BA44" s="1">
        <v>122636</v>
      </c>
      <c r="BB44" s="1">
        <v>1838664</v>
      </c>
      <c r="BC44" s="1">
        <v>4404924</v>
      </c>
      <c r="BD44" s="1">
        <v>13715634</v>
      </c>
      <c r="BE44" s="1">
        <v>9285268</v>
      </c>
      <c r="BF44" s="1">
        <v>4302233</v>
      </c>
      <c r="BG44" s="1">
        <v>35428125</v>
      </c>
      <c r="BH44" s="1">
        <v>31317959</v>
      </c>
      <c r="BI44" s="1">
        <v>1157855226</v>
      </c>
      <c r="BJ44" s="1">
        <v>131027</v>
      </c>
      <c r="BK44" s="1">
        <v>0</v>
      </c>
      <c r="BL44" s="1">
        <v>331737</v>
      </c>
      <c r="BM44" s="1">
        <v>2835845</v>
      </c>
      <c r="BN44" s="1">
        <v>2028465</v>
      </c>
      <c r="BO44" s="1">
        <v>1018476</v>
      </c>
      <c r="BP44" s="1">
        <v>1550359</v>
      </c>
      <c r="BQ44" s="1">
        <v>1716818</v>
      </c>
      <c r="BR44" s="1">
        <v>978341</v>
      </c>
      <c r="BS44" s="1">
        <v>260578</v>
      </c>
      <c r="BT44" s="1">
        <v>762528</v>
      </c>
      <c r="BU44" s="1">
        <v>938424</v>
      </c>
      <c r="BV44" s="3">
        <v>12552598</v>
      </c>
      <c r="BW44" s="1">
        <v>3785256</v>
      </c>
      <c r="BX44" s="1">
        <v>2733070</v>
      </c>
      <c r="BY44" s="1">
        <v>6851556</v>
      </c>
      <c r="BZ44" s="1">
        <v>1867104</v>
      </c>
      <c r="CA44" s="1">
        <v>1188355</v>
      </c>
      <c r="CB44" s="1">
        <v>9414507</v>
      </c>
      <c r="CC44" s="1">
        <v>5358924</v>
      </c>
      <c r="CD44" s="1">
        <v>3725889</v>
      </c>
      <c r="CE44" s="1">
        <v>417779</v>
      </c>
      <c r="CF44" s="1">
        <v>461736</v>
      </c>
      <c r="CG44" s="1">
        <v>489954</v>
      </c>
      <c r="CH44" s="1">
        <v>805605</v>
      </c>
      <c r="CI44" s="1">
        <v>836274</v>
      </c>
      <c r="CJ44" s="1">
        <v>1302899</v>
      </c>
      <c r="CK44" s="1">
        <v>1606244</v>
      </c>
      <c r="CL44" s="1">
        <v>1229821</v>
      </c>
      <c r="CM44" s="1">
        <v>4019850</v>
      </c>
      <c r="CN44" s="1">
        <v>791158</v>
      </c>
      <c r="CO44" s="1">
        <v>3425489</v>
      </c>
      <c r="CP44" s="1">
        <v>147161</v>
      </c>
      <c r="CQ44" s="1">
        <v>1667574</v>
      </c>
      <c r="CR44" s="1">
        <v>584277</v>
      </c>
      <c r="CS44" s="1">
        <v>138634</v>
      </c>
      <c r="CT44" s="3">
        <v>52849116</v>
      </c>
      <c r="CU44" s="1">
        <v>1271854</v>
      </c>
      <c r="CV44" s="1">
        <v>153095</v>
      </c>
      <c r="CW44" s="1">
        <v>746641</v>
      </c>
      <c r="CX44" s="1">
        <v>9954</v>
      </c>
      <c r="CY44" s="1">
        <v>20051</v>
      </c>
      <c r="CZ44" s="1">
        <v>128508</v>
      </c>
      <c r="DA44" s="1">
        <v>461422</v>
      </c>
      <c r="DB44" s="1">
        <v>133656</v>
      </c>
      <c r="DC44" s="1">
        <v>649201</v>
      </c>
      <c r="DD44" s="1">
        <v>244268</v>
      </c>
      <c r="DE44" s="1">
        <v>53251</v>
      </c>
      <c r="DF44" s="1">
        <v>86139</v>
      </c>
      <c r="DG44" s="3">
        <v>3958040</v>
      </c>
      <c r="DH44" s="3">
        <v>1227214980</v>
      </c>
    </row>
    <row r="45" spans="1:112" ht="10" customHeight="1">
      <c r="A45" s="141"/>
      <c r="B45" s="55"/>
      <c r="C45" s="173" t="s">
        <v>303</v>
      </c>
      <c r="D45" s="175"/>
      <c r="E45" s="175"/>
      <c r="F45" s="176"/>
      <c r="G45" s="2">
        <v>53593706</v>
      </c>
      <c r="H45" s="2">
        <v>16823209</v>
      </c>
      <c r="I45" s="2">
        <v>5803990</v>
      </c>
      <c r="J45" s="2">
        <v>17042090</v>
      </c>
      <c r="K45" s="2">
        <v>2246376</v>
      </c>
      <c r="L45" s="2">
        <v>6434460</v>
      </c>
      <c r="M45" s="2">
        <v>11907688</v>
      </c>
      <c r="N45" s="2">
        <v>3273414</v>
      </c>
      <c r="O45" s="2">
        <v>12558361</v>
      </c>
      <c r="P45" s="2">
        <v>6293247</v>
      </c>
      <c r="Q45" s="2">
        <v>4944233</v>
      </c>
      <c r="R45" s="2">
        <v>8952502</v>
      </c>
      <c r="S45" s="2">
        <v>11464329</v>
      </c>
      <c r="T45" s="2">
        <v>1207797</v>
      </c>
      <c r="U45" s="2">
        <v>10267989</v>
      </c>
      <c r="V45" s="2">
        <v>15411422</v>
      </c>
      <c r="W45" s="2">
        <v>5797403</v>
      </c>
      <c r="X45" s="2">
        <v>9003656</v>
      </c>
      <c r="Y45" s="2">
        <v>9144089</v>
      </c>
      <c r="Z45" s="2">
        <v>2195017</v>
      </c>
      <c r="AA45" s="2">
        <v>5648840</v>
      </c>
      <c r="AB45" s="2">
        <v>4694055</v>
      </c>
      <c r="AC45" s="2">
        <v>3333282</v>
      </c>
      <c r="AD45" s="2">
        <v>6445029</v>
      </c>
      <c r="AE45" s="2">
        <v>1608055</v>
      </c>
      <c r="AF45" s="2">
        <v>5933781</v>
      </c>
      <c r="AG45" s="2">
        <v>4930584</v>
      </c>
      <c r="AH45" s="2">
        <v>8485330</v>
      </c>
      <c r="AI45" s="2">
        <v>1569186</v>
      </c>
      <c r="AJ45" s="2">
        <v>5589110</v>
      </c>
      <c r="AK45" s="2">
        <v>8183879</v>
      </c>
      <c r="AL45" s="2">
        <v>3604751</v>
      </c>
      <c r="AM45" s="2">
        <v>7113822</v>
      </c>
      <c r="AN45" s="2">
        <v>6460145</v>
      </c>
      <c r="AO45" s="2">
        <v>8226127</v>
      </c>
      <c r="AP45" s="2">
        <v>3689767</v>
      </c>
      <c r="AQ45" s="2">
        <v>3414605</v>
      </c>
      <c r="AR45" s="2">
        <v>1546474</v>
      </c>
      <c r="AS45" s="2">
        <v>1752494</v>
      </c>
      <c r="AT45" s="2">
        <v>908835</v>
      </c>
      <c r="AU45" s="2">
        <v>1497157</v>
      </c>
      <c r="AV45" s="2">
        <v>699626</v>
      </c>
      <c r="AW45" s="2">
        <v>733912</v>
      </c>
      <c r="AX45" s="2">
        <v>954191</v>
      </c>
      <c r="AY45" s="2">
        <v>96000</v>
      </c>
      <c r="AZ45" s="2">
        <v>62810</v>
      </c>
      <c r="BA45" s="2">
        <v>24650</v>
      </c>
      <c r="BB45" s="2">
        <v>475696</v>
      </c>
      <c r="BC45" s="2">
        <v>912433</v>
      </c>
      <c r="BD45" s="2">
        <v>3346137</v>
      </c>
      <c r="BE45" s="2">
        <v>1754111</v>
      </c>
      <c r="BF45" s="2">
        <v>802065</v>
      </c>
      <c r="BG45" s="2">
        <v>6191969</v>
      </c>
      <c r="BH45" s="2">
        <v>16093066</v>
      </c>
      <c r="BI45" s="2">
        <v>341146952</v>
      </c>
      <c r="BJ45" s="2">
        <v>34991</v>
      </c>
      <c r="BK45" s="2">
        <v>0</v>
      </c>
      <c r="BL45" s="2">
        <v>66052</v>
      </c>
      <c r="BM45" s="2">
        <v>1216437</v>
      </c>
      <c r="BN45" s="2">
        <v>839393</v>
      </c>
      <c r="BO45" s="2">
        <v>227209</v>
      </c>
      <c r="BP45" s="2">
        <v>63362</v>
      </c>
      <c r="BQ45" s="2">
        <v>168544</v>
      </c>
      <c r="BR45" s="2">
        <v>334695</v>
      </c>
      <c r="BS45" s="2">
        <v>55551</v>
      </c>
      <c r="BT45" s="2">
        <v>153348</v>
      </c>
      <c r="BU45" s="2">
        <v>220854</v>
      </c>
      <c r="BV45" s="73">
        <v>3380436</v>
      </c>
      <c r="BW45" s="2">
        <v>420919</v>
      </c>
      <c r="BX45" s="2">
        <v>1290879</v>
      </c>
      <c r="BY45" s="2">
        <v>407651</v>
      </c>
      <c r="BZ45" s="2">
        <v>247298</v>
      </c>
      <c r="CA45" s="2">
        <v>51932</v>
      </c>
      <c r="CB45" s="2">
        <v>2941774</v>
      </c>
      <c r="CC45" s="2">
        <v>662536</v>
      </c>
      <c r="CD45" s="2">
        <v>1825438</v>
      </c>
      <c r="CE45" s="2">
        <v>176967</v>
      </c>
      <c r="CF45" s="2">
        <v>189475</v>
      </c>
      <c r="CG45" s="2">
        <v>19740</v>
      </c>
      <c r="CH45" s="2">
        <v>143417</v>
      </c>
      <c r="CI45" s="2">
        <v>454155</v>
      </c>
      <c r="CJ45" s="2">
        <v>750956</v>
      </c>
      <c r="CK45" s="2">
        <v>710241</v>
      </c>
      <c r="CL45" s="2">
        <v>186251</v>
      </c>
      <c r="CM45" s="2">
        <v>136059</v>
      </c>
      <c r="CN45" s="2">
        <v>343400</v>
      </c>
      <c r="CO45" s="2">
        <v>236342</v>
      </c>
      <c r="CP45" s="2">
        <v>5055</v>
      </c>
      <c r="CQ45" s="2">
        <v>236944</v>
      </c>
      <c r="CR45" s="2">
        <v>94579</v>
      </c>
      <c r="CS45" s="2">
        <v>4331</v>
      </c>
      <c r="CT45" s="73">
        <v>11536339</v>
      </c>
      <c r="CU45" s="2">
        <v>514143</v>
      </c>
      <c r="CV45" s="2">
        <v>37148</v>
      </c>
      <c r="CW45" s="2">
        <v>160732</v>
      </c>
      <c r="CX45" s="2">
        <v>523</v>
      </c>
      <c r="CY45" s="2">
        <v>551</v>
      </c>
      <c r="CZ45" s="2">
        <v>44604</v>
      </c>
      <c r="DA45" s="2">
        <v>24365</v>
      </c>
      <c r="DB45" s="2">
        <v>11906</v>
      </c>
      <c r="DC45" s="2">
        <v>37516</v>
      </c>
      <c r="DD45" s="2">
        <v>94656</v>
      </c>
      <c r="DE45" s="2">
        <v>8128</v>
      </c>
      <c r="DF45" s="2">
        <v>6072</v>
      </c>
      <c r="DG45" s="73">
        <v>940344</v>
      </c>
      <c r="DH45" s="73">
        <v>357004071</v>
      </c>
    </row>
    <row r="46" spans="1:112" ht="10" customHeight="1">
      <c r="A46" s="142"/>
      <c r="B46" s="98" t="s">
        <v>223</v>
      </c>
      <c r="C46" s="90"/>
      <c r="D46" s="90"/>
      <c r="E46" s="90"/>
      <c r="F46" s="91"/>
      <c r="G46" s="1">
        <v>273018956</v>
      </c>
      <c r="H46" s="1">
        <v>32010297</v>
      </c>
      <c r="I46" s="1">
        <v>40742697</v>
      </c>
      <c r="J46" s="1">
        <v>116370104</v>
      </c>
      <c r="K46" s="1">
        <v>15295966</v>
      </c>
      <c r="L46" s="1">
        <v>8194298</v>
      </c>
      <c r="M46" s="1">
        <v>49971689</v>
      </c>
      <c r="N46" s="1">
        <v>23418244</v>
      </c>
      <c r="O46" s="1">
        <v>21327502</v>
      </c>
      <c r="P46" s="1">
        <v>25974676</v>
      </c>
      <c r="Q46" s="1">
        <v>21060393</v>
      </c>
      <c r="R46" s="1">
        <v>52134215</v>
      </c>
      <c r="S46" s="1">
        <v>24969910</v>
      </c>
      <c r="T46" s="1">
        <v>9153899</v>
      </c>
      <c r="U46" s="1">
        <v>29014336</v>
      </c>
      <c r="V46" s="1">
        <v>30413322</v>
      </c>
      <c r="W46" s="1">
        <v>42798986</v>
      </c>
      <c r="X46" s="1">
        <v>66495992</v>
      </c>
      <c r="Y46" s="1">
        <v>57853790</v>
      </c>
      <c r="Z46" s="1">
        <v>11483925</v>
      </c>
      <c r="AA46" s="1">
        <v>24701167</v>
      </c>
      <c r="AB46" s="1">
        <v>14880179</v>
      </c>
      <c r="AC46" s="1">
        <v>16081976</v>
      </c>
      <c r="AD46" s="1">
        <v>13078623</v>
      </c>
      <c r="AE46" s="1">
        <v>7635718</v>
      </c>
      <c r="AF46" s="1">
        <v>41496759</v>
      </c>
      <c r="AG46" s="1">
        <v>21128973</v>
      </c>
      <c r="AH46" s="1">
        <v>36595112</v>
      </c>
      <c r="AI46" s="1">
        <v>6779342</v>
      </c>
      <c r="AJ46" s="1">
        <v>45133929</v>
      </c>
      <c r="AK46" s="1">
        <v>11593585</v>
      </c>
      <c r="AL46" s="1">
        <v>47675971</v>
      </c>
      <c r="AM46" s="1">
        <v>11468113</v>
      </c>
      <c r="AN46" s="1">
        <v>12062044</v>
      </c>
      <c r="AO46" s="1">
        <v>10400564</v>
      </c>
      <c r="AP46" s="1">
        <v>27162727</v>
      </c>
      <c r="AQ46" s="1">
        <v>12623806</v>
      </c>
      <c r="AR46" s="1">
        <v>12955095</v>
      </c>
      <c r="AS46" s="1">
        <v>12286086</v>
      </c>
      <c r="AT46" s="1">
        <v>4019151</v>
      </c>
      <c r="AU46" s="1">
        <v>3426835</v>
      </c>
      <c r="AV46" s="1">
        <v>3805509</v>
      </c>
      <c r="AW46" s="1">
        <v>8499958</v>
      </c>
      <c r="AX46" s="1">
        <v>8208255</v>
      </c>
      <c r="AY46" s="1">
        <v>2023398</v>
      </c>
      <c r="AZ46" s="1">
        <v>1292018</v>
      </c>
      <c r="BA46" s="1">
        <v>730509</v>
      </c>
      <c r="BB46" s="1">
        <v>3959373</v>
      </c>
      <c r="BC46" s="1">
        <v>5655312</v>
      </c>
      <c r="BD46" s="1">
        <v>13041024</v>
      </c>
      <c r="BE46" s="1">
        <v>10512329</v>
      </c>
      <c r="BF46" s="1">
        <v>5043016</v>
      </c>
      <c r="BG46" s="1">
        <v>43005474</v>
      </c>
      <c r="BH46" s="1">
        <v>19997557</v>
      </c>
      <c r="BI46" s="1">
        <v>1470662684</v>
      </c>
      <c r="BJ46" s="1">
        <v>116770</v>
      </c>
      <c r="BK46" s="1">
        <v>1374</v>
      </c>
      <c r="BL46" s="1">
        <v>277568</v>
      </c>
      <c r="BM46" s="1">
        <v>4150918</v>
      </c>
      <c r="BN46" s="1">
        <v>1796281</v>
      </c>
      <c r="BO46" s="1">
        <v>1164490</v>
      </c>
      <c r="BP46" s="1">
        <v>2443571</v>
      </c>
      <c r="BQ46" s="1">
        <v>2778749</v>
      </c>
      <c r="BR46" s="1">
        <v>1071387</v>
      </c>
      <c r="BS46" s="1">
        <v>425476</v>
      </c>
      <c r="BT46" s="1">
        <v>869472</v>
      </c>
      <c r="BU46" s="1">
        <v>2947632</v>
      </c>
      <c r="BV46" s="3">
        <v>18043688</v>
      </c>
      <c r="BW46" s="1">
        <v>4135372</v>
      </c>
      <c r="BX46" s="1">
        <v>2017490</v>
      </c>
      <c r="BY46" s="1">
        <v>8908959</v>
      </c>
      <c r="BZ46" s="1">
        <v>2486577</v>
      </c>
      <c r="CA46" s="1">
        <v>1494967</v>
      </c>
      <c r="CB46" s="1">
        <v>9994489</v>
      </c>
      <c r="CC46" s="1">
        <v>8024120</v>
      </c>
      <c r="CD46" s="1">
        <v>2260689</v>
      </c>
      <c r="CE46" s="1">
        <v>368764</v>
      </c>
      <c r="CF46" s="1">
        <v>305889</v>
      </c>
      <c r="CG46" s="1">
        <v>620670</v>
      </c>
      <c r="CH46" s="1">
        <v>969446</v>
      </c>
      <c r="CI46" s="1">
        <v>462056</v>
      </c>
      <c r="CJ46" s="1">
        <v>560959</v>
      </c>
      <c r="CK46" s="1">
        <v>1250058</v>
      </c>
      <c r="CL46" s="1">
        <v>1584166</v>
      </c>
      <c r="CM46" s="1">
        <v>5304538</v>
      </c>
      <c r="CN46" s="1">
        <v>621279</v>
      </c>
      <c r="CO46" s="1">
        <v>3936602</v>
      </c>
      <c r="CP46" s="1">
        <v>198976</v>
      </c>
      <c r="CQ46" s="1">
        <v>1860178</v>
      </c>
      <c r="CR46" s="1">
        <v>692534</v>
      </c>
      <c r="CS46" s="1">
        <v>164402</v>
      </c>
      <c r="CT46" s="3">
        <v>58223180</v>
      </c>
      <c r="CU46" s="1">
        <v>1409186</v>
      </c>
      <c r="CV46" s="1">
        <v>169044</v>
      </c>
      <c r="CW46" s="1">
        <v>815738</v>
      </c>
      <c r="CX46" s="1">
        <v>11020</v>
      </c>
      <c r="CY46" s="1">
        <v>40530</v>
      </c>
      <c r="CZ46" s="1">
        <v>185136</v>
      </c>
      <c r="DA46" s="1">
        <v>849234</v>
      </c>
      <c r="DB46" s="1">
        <v>213969</v>
      </c>
      <c r="DC46" s="1">
        <v>902796</v>
      </c>
      <c r="DD46" s="1">
        <v>217422</v>
      </c>
      <c r="DE46" s="1">
        <v>70377</v>
      </c>
      <c r="DF46" s="1">
        <v>129298</v>
      </c>
      <c r="DG46" s="3">
        <v>5013750</v>
      </c>
      <c r="DH46" s="3">
        <v>1551943302</v>
      </c>
    </row>
    <row r="47" spans="1:112" ht="10" customHeight="1">
      <c r="A47" s="140" t="s">
        <v>92</v>
      </c>
      <c r="B47" s="114" t="s">
        <v>193</v>
      </c>
      <c r="C47" s="93"/>
      <c r="D47" s="93"/>
      <c r="E47" s="93"/>
      <c r="F47" s="94"/>
      <c r="G47" s="1">
        <v>136534904</v>
      </c>
      <c r="H47" s="1">
        <v>45974424</v>
      </c>
      <c r="I47" s="1">
        <v>3218264</v>
      </c>
      <c r="J47" s="1">
        <v>17237556</v>
      </c>
      <c r="K47" s="1">
        <v>6516966</v>
      </c>
      <c r="L47" s="1">
        <v>1684166</v>
      </c>
      <c r="M47" s="1">
        <v>36269762</v>
      </c>
      <c r="N47" s="1">
        <v>2659464</v>
      </c>
      <c r="O47" s="1">
        <v>2485317</v>
      </c>
      <c r="P47" s="1">
        <v>622838</v>
      </c>
      <c r="Q47" s="1">
        <v>3051357</v>
      </c>
      <c r="R47" s="1">
        <v>8092196</v>
      </c>
      <c r="S47" s="1">
        <v>24782951</v>
      </c>
      <c r="T47" s="1">
        <v>4198675</v>
      </c>
      <c r="U47" s="1">
        <v>10648590</v>
      </c>
      <c r="V47" s="1">
        <v>13138016</v>
      </c>
      <c r="W47" s="1">
        <v>11113198</v>
      </c>
      <c r="X47" s="1">
        <v>17937130</v>
      </c>
      <c r="Y47" s="1">
        <v>14462054</v>
      </c>
      <c r="Z47" s="1">
        <v>1628383</v>
      </c>
      <c r="AA47" s="1">
        <v>4232312</v>
      </c>
      <c r="AB47" s="1">
        <v>14675145</v>
      </c>
      <c r="AC47" s="1">
        <v>3119334</v>
      </c>
      <c r="AD47" s="1">
        <v>2686785</v>
      </c>
      <c r="AE47" s="1">
        <v>4960007</v>
      </c>
      <c r="AF47" s="1">
        <v>8946984</v>
      </c>
      <c r="AG47" s="1">
        <v>45455</v>
      </c>
      <c r="AH47" s="1">
        <v>5066464</v>
      </c>
      <c r="AI47" s="1">
        <v>4164149</v>
      </c>
      <c r="AJ47" s="1">
        <v>1064124</v>
      </c>
      <c r="AK47" s="1">
        <v>7787153</v>
      </c>
      <c r="AL47" s="1">
        <v>4209613</v>
      </c>
      <c r="AM47" s="1">
        <v>1260827</v>
      </c>
      <c r="AN47" s="1">
        <v>1117099</v>
      </c>
      <c r="AO47" s="1">
        <v>3599178</v>
      </c>
      <c r="AP47" s="1">
        <v>2441150</v>
      </c>
      <c r="AQ47" s="1">
        <v>4889302</v>
      </c>
      <c r="AR47" s="1">
        <v>1316445</v>
      </c>
      <c r="AS47" s="1">
        <v>1359146</v>
      </c>
      <c r="AT47" s="1">
        <v>864590</v>
      </c>
      <c r="AU47" s="1">
        <v>844257</v>
      </c>
      <c r="AV47" s="1">
        <v>960648</v>
      </c>
      <c r="AW47" s="1">
        <v>468488</v>
      </c>
      <c r="AX47" s="1">
        <v>1976456</v>
      </c>
      <c r="AY47" s="1">
        <v>1037325</v>
      </c>
      <c r="AZ47" s="1">
        <v>63251</v>
      </c>
      <c r="BA47" s="1">
        <v>86771</v>
      </c>
      <c r="BB47" s="1">
        <v>716832</v>
      </c>
      <c r="BC47" s="1">
        <v>1167936</v>
      </c>
      <c r="BD47" s="1">
        <v>922474</v>
      </c>
      <c r="BE47" s="1">
        <v>937803</v>
      </c>
      <c r="BF47" s="1">
        <v>2198992</v>
      </c>
      <c r="BG47" s="1">
        <v>16827350</v>
      </c>
      <c r="BH47" s="1">
        <v>3504309</v>
      </c>
      <c r="BI47" s="1">
        <v>471774365</v>
      </c>
      <c r="BJ47" s="1">
        <v>199632</v>
      </c>
      <c r="BK47" s="1">
        <v>0</v>
      </c>
      <c r="BL47" s="1">
        <v>327735</v>
      </c>
      <c r="BM47" s="1">
        <v>1391280</v>
      </c>
      <c r="BN47" s="1">
        <v>0</v>
      </c>
      <c r="BO47" s="1">
        <v>1944104</v>
      </c>
      <c r="BP47" s="1">
        <v>0</v>
      </c>
      <c r="BQ47" s="1">
        <v>145876</v>
      </c>
      <c r="BR47" s="1">
        <v>114878</v>
      </c>
      <c r="BS47" s="1">
        <v>147423</v>
      </c>
      <c r="BT47" s="1">
        <v>81984</v>
      </c>
      <c r="BU47" s="1">
        <v>5847313</v>
      </c>
      <c r="BV47" s="3">
        <v>10200225</v>
      </c>
      <c r="BW47" s="1">
        <v>566196</v>
      </c>
      <c r="BX47" s="1">
        <v>141730</v>
      </c>
      <c r="BY47" s="1">
        <v>91340</v>
      </c>
      <c r="BZ47" s="1">
        <v>102392</v>
      </c>
      <c r="CA47" s="1">
        <v>594329</v>
      </c>
      <c r="CB47" s="1">
        <v>1096227</v>
      </c>
      <c r="CC47" s="1">
        <v>336032</v>
      </c>
      <c r="CD47" s="1">
        <v>268078</v>
      </c>
      <c r="CE47" s="1">
        <v>7464</v>
      </c>
      <c r="CF47" s="1">
        <v>141458</v>
      </c>
      <c r="CG47" s="1">
        <v>10014</v>
      </c>
      <c r="CH47" s="1">
        <v>122624</v>
      </c>
      <c r="CI47" s="1">
        <v>31618</v>
      </c>
      <c r="CJ47" s="1">
        <v>298048</v>
      </c>
      <c r="CK47" s="1">
        <v>215715</v>
      </c>
      <c r="CL47" s="1">
        <v>-6475</v>
      </c>
      <c r="CM47" s="1">
        <v>0</v>
      </c>
      <c r="CN47" s="1">
        <v>52403</v>
      </c>
      <c r="CO47" s="1">
        <v>632069</v>
      </c>
      <c r="CP47" s="1">
        <v>8563</v>
      </c>
      <c r="CQ47" s="1">
        <v>224790</v>
      </c>
      <c r="CR47" s="1">
        <v>38792</v>
      </c>
      <c r="CS47" s="1">
        <v>21070</v>
      </c>
      <c r="CT47" s="3">
        <v>4994477</v>
      </c>
      <c r="CU47" s="1">
        <v>140920</v>
      </c>
      <c r="CV47" s="1">
        <v>-8228</v>
      </c>
      <c r="CW47" s="1">
        <v>17811</v>
      </c>
      <c r="CX47" s="1">
        <v>211</v>
      </c>
      <c r="CY47" s="1">
        <v>0</v>
      </c>
      <c r="CZ47" s="1">
        <v>-21317</v>
      </c>
      <c r="DA47" s="1">
        <v>48285</v>
      </c>
      <c r="DB47" s="1">
        <v>0</v>
      </c>
      <c r="DC47" s="1">
        <v>0</v>
      </c>
      <c r="DD47" s="1">
        <v>42890</v>
      </c>
      <c r="DE47" s="1">
        <v>836</v>
      </c>
      <c r="DF47" s="1">
        <v>16002</v>
      </c>
      <c r="DG47" s="3">
        <v>237410</v>
      </c>
      <c r="DH47" s="3">
        <v>487206477</v>
      </c>
    </row>
    <row r="48" spans="1:112" ht="10" customHeight="1">
      <c r="A48" s="141"/>
      <c r="B48" s="29"/>
      <c r="C48" s="98" t="s">
        <v>194</v>
      </c>
      <c r="D48" s="90"/>
      <c r="E48" s="90"/>
      <c r="F48" s="91"/>
      <c r="G48" s="1">
        <v>112958019</v>
      </c>
      <c r="H48" s="1">
        <v>42355688</v>
      </c>
      <c r="I48" s="1">
        <v>2203756</v>
      </c>
      <c r="J48" s="1">
        <v>7927538</v>
      </c>
      <c r="K48" s="1">
        <v>5168949</v>
      </c>
      <c r="L48" s="1">
        <v>1377307</v>
      </c>
      <c r="M48" s="1">
        <v>5325148</v>
      </c>
      <c r="N48" s="1">
        <v>2587772</v>
      </c>
      <c r="O48" s="1">
        <v>175611</v>
      </c>
      <c r="P48" s="1">
        <v>524906</v>
      </c>
      <c r="Q48" s="1">
        <v>2782015</v>
      </c>
      <c r="R48" s="1">
        <v>8092196</v>
      </c>
      <c r="S48" s="1">
        <v>21130419</v>
      </c>
      <c r="T48" s="1">
        <v>3578279</v>
      </c>
      <c r="U48" s="1">
        <v>7093716</v>
      </c>
      <c r="V48" s="1">
        <v>24719</v>
      </c>
      <c r="W48" s="1">
        <v>8006074</v>
      </c>
      <c r="X48" s="1">
        <v>12621850</v>
      </c>
      <c r="Y48" s="1">
        <v>12781959</v>
      </c>
      <c r="Z48" s="1">
        <v>1628383</v>
      </c>
      <c r="AA48" s="1">
        <v>4232312</v>
      </c>
      <c r="AB48" s="1">
        <v>13056224</v>
      </c>
      <c r="AC48" s="1">
        <v>3119334</v>
      </c>
      <c r="AD48" s="1">
        <v>1813301</v>
      </c>
      <c r="AE48" s="1">
        <v>0</v>
      </c>
      <c r="AF48" s="1">
        <v>7154964</v>
      </c>
      <c r="AG48" s="1">
        <v>0</v>
      </c>
      <c r="AH48" s="1">
        <v>5066464</v>
      </c>
      <c r="AI48" s="1">
        <v>4006927</v>
      </c>
      <c r="AJ48" s="1">
        <v>804599</v>
      </c>
      <c r="AK48" s="1">
        <v>1618025</v>
      </c>
      <c r="AL48" s="1">
        <v>3796101</v>
      </c>
      <c r="AM48" s="1">
        <v>1260827</v>
      </c>
      <c r="AN48" s="1">
        <v>1117099</v>
      </c>
      <c r="AO48" s="1">
        <v>311471</v>
      </c>
      <c r="AP48" s="1">
        <v>1974903</v>
      </c>
      <c r="AQ48" s="1">
        <v>4413761</v>
      </c>
      <c r="AR48" s="1">
        <v>638668</v>
      </c>
      <c r="AS48" s="1">
        <v>1190618</v>
      </c>
      <c r="AT48" s="1">
        <v>861085</v>
      </c>
      <c r="AU48" s="1">
        <v>844257</v>
      </c>
      <c r="AV48" s="1">
        <v>960648</v>
      </c>
      <c r="AW48" s="1">
        <v>468488</v>
      </c>
      <c r="AX48" s="1">
        <v>1575127</v>
      </c>
      <c r="AY48" s="1">
        <v>1037325</v>
      </c>
      <c r="AZ48" s="1">
        <v>20689</v>
      </c>
      <c r="BA48" s="1">
        <v>86771</v>
      </c>
      <c r="BB48" s="1">
        <v>596503</v>
      </c>
      <c r="BC48" s="1">
        <v>1052157</v>
      </c>
      <c r="BD48" s="1">
        <v>922474</v>
      </c>
      <c r="BE48" s="1">
        <v>383000</v>
      </c>
      <c r="BF48" s="1">
        <v>1964547</v>
      </c>
      <c r="BG48" s="1">
        <v>16827350</v>
      </c>
      <c r="BH48" s="1">
        <v>3504309</v>
      </c>
      <c r="BI48" s="1">
        <v>345024632</v>
      </c>
      <c r="BJ48" s="1">
        <v>199632</v>
      </c>
      <c r="BK48" s="1">
        <v>0</v>
      </c>
      <c r="BL48" s="1">
        <v>324518</v>
      </c>
      <c r="BM48" s="1">
        <v>25881</v>
      </c>
      <c r="BN48" s="1">
        <v>0</v>
      </c>
      <c r="BO48" s="1">
        <v>1930855</v>
      </c>
      <c r="BP48" s="1">
        <v>0</v>
      </c>
      <c r="BQ48" s="1">
        <v>14876</v>
      </c>
      <c r="BR48" s="1">
        <v>114878</v>
      </c>
      <c r="BS48" s="1">
        <v>120443</v>
      </c>
      <c r="BT48" s="1">
        <v>33482</v>
      </c>
      <c r="BU48" s="1">
        <v>4846313</v>
      </c>
      <c r="BV48" s="3">
        <v>7610878</v>
      </c>
      <c r="BW48" s="1">
        <v>566196</v>
      </c>
      <c r="BX48" s="1">
        <v>141730</v>
      </c>
      <c r="BY48" s="1">
        <v>91340</v>
      </c>
      <c r="BZ48" s="1">
        <v>102392</v>
      </c>
      <c r="CA48" s="1">
        <v>594329</v>
      </c>
      <c r="CB48" s="1">
        <v>382665</v>
      </c>
      <c r="CC48" s="1">
        <v>336032</v>
      </c>
      <c r="CD48" s="1">
        <v>268078</v>
      </c>
      <c r="CE48" s="1">
        <v>7464</v>
      </c>
      <c r="CF48" s="1">
        <v>49530</v>
      </c>
      <c r="CG48" s="1">
        <v>0</v>
      </c>
      <c r="CH48" s="1">
        <v>19999</v>
      </c>
      <c r="CI48" s="1">
        <v>31618</v>
      </c>
      <c r="CJ48" s="1">
        <v>298048</v>
      </c>
      <c r="CK48" s="1">
        <v>215715</v>
      </c>
      <c r="CL48" s="1">
        <v>-34627</v>
      </c>
      <c r="CM48" s="1">
        <v>0</v>
      </c>
      <c r="CN48" s="1">
        <v>52403</v>
      </c>
      <c r="CO48" s="1">
        <v>448549</v>
      </c>
      <c r="CP48" s="1">
        <v>6675</v>
      </c>
      <c r="CQ48" s="1">
        <v>83455</v>
      </c>
      <c r="CR48" s="1">
        <v>38792</v>
      </c>
      <c r="CS48" s="1">
        <v>21070</v>
      </c>
      <c r="CT48" s="3">
        <v>3721453</v>
      </c>
      <c r="CU48" s="1">
        <v>140920</v>
      </c>
      <c r="CV48" s="1">
        <v>-8228</v>
      </c>
      <c r="CW48" s="1">
        <v>17811</v>
      </c>
      <c r="CX48" s="1">
        <v>0</v>
      </c>
      <c r="CY48" s="1">
        <v>0</v>
      </c>
      <c r="CZ48" s="1">
        <v>-21317</v>
      </c>
      <c r="DA48" s="1">
        <v>33285</v>
      </c>
      <c r="DB48" s="1">
        <v>0</v>
      </c>
      <c r="DC48" s="1">
        <v>0</v>
      </c>
      <c r="DD48" s="1">
        <v>42890</v>
      </c>
      <c r="DE48" s="1">
        <v>0</v>
      </c>
      <c r="DF48" s="1">
        <v>14002</v>
      </c>
      <c r="DG48" s="3">
        <v>219363</v>
      </c>
      <c r="DH48" s="3">
        <v>356576326</v>
      </c>
    </row>
    <row r="49" spans="1:112" ht="10" customHeight="1">
      <c r="A49" s="141"/>
      <c r="B49" s="29"/>
      <c r="C49" s="98" t="s">
        <v>195</v>
      </c>
      <c r="D49" s="90"/>
      <c r="E49" s="90"/>
      <c r="F49" s="91"/>
      <c r="G49" s="1">
        <v>0</v>
      </c>
      <c r="H49" s="1">
        <v>0</v>
      </c>
      <c r="I49" s="1">
        <v>0</v>
      </c>
      <c r="J49" s="1">
        <v>0</v>
      </c>
      <c r="K49" s="1">
        <v>0</v>
      </c>
      <c r="L49" s="1">
        <v>0</v>
      </c>
      <c r="M49" s="1">
        <v>0</v>
      </c>
      <c r="N49" s="1">
        <v>0</v>
      </c>
      <c r="O49" s="1">
        <v>0</v>
      </c>
      <c r="P49" s="1">
        <v>0</v>
      </c>
      <c r="Q49" s="1">
        <v>0</v>
      </c>
      <c r="R49" s="1">
        <v>0</v>
      </c>
      <c r="S49" s="1">
        <v>0</v>
      </c>
      <c r="T49" s="1">
        <v>0</v>
      </c>
      <c r="U49" s="1">
        <v>0</v>
      </c>
      <c r="V49" s="1">
        <v>0</v>
      </c>
      <c r="W49" s="1">
        <v>0</v>
      </c>
      <c r="X49" s="1">
        <v>0</v>
      </c>
      <c r="Y49" s="1">
        <v>0</v>
      </c>
      <c r="Z49" s="1">
        <v>0</v>
      </c>
      <c r="AA49" s="1">
        <v>0</v>
      </c>
      <c r="AB49" s="1">
        <v>0</v>
      </c>
      <c r="AC49" s="1">
        <v>0</v>
      </c>
      <c r="AD49" s="1">
        <v>0</v>
      </c>
      <c r="AE49" s="1">
        <v>0</v>
      </c>
      <c r="AF49" s="1">
        <v>0</v>
      </c>
      <c r="AG49" s="1">
        <v>0</v>
      </c>
      <c r="AH49" s="1">
        <v>0</v>
      </c>
      <c r="AI49" s="1">
        <v>0</v>
      </c>
      <c r="AJ49" s="1">
        <v>0</v>
      </c>
      <c r="AK49" s="1">
        <v>0</v>
      </c>
      <c r="AL49" s="1">
        <v>0</v>
      </c>
      <c r="AM49" s="1">
        <v>0</v>
      </c>
      <c r="AN49" s="1">
        <v>0</v>
      </c>
      <c r="AO49" s="1">
        <v>0</v>
      </c>
      <c r="AP49" s="1">
        <v>0</v>
      </c>
      <c r="AQ49" s="1">
        <v>0</v>
      </c>
      <c r="AR49" s="1">
        <v>0</v>
      </c>
      <c r="AS49" s="1">
        <v>0</v>
      </c>
      <c r="AT49" s="1">
        <v>0</v>
      </c>
      <c r="AU49" s="1">
        <v>0</v>
      </c>
      <c r="AV49" s="1">
        <v>0</v>
      </c>
      <c r="AW49" s="1">
        <v>0</v>
      </c>
      <c r="AX49" s="1">
        <v>0</v>
      </c>
      <c r="AY49" s="1">
        <v>0</v>
      </c>
      <c r="AZ49" s="1">
        <v>0</v>
      </c>
      <c r="BA49" s="1">
        <v>0</v>
      </c>
      <c r="BB49" s="1">
        <v>0</v>
      </c>
      <c r="BC49" s="1">
        <v>0</v>
      </c>
      <c r="BD49" s="1">
        <v>0</v>
      </c>
      <c r="BE49" s="1">
        <v>0</v>
      </c>
      <c r="BF49" s="1">
        <v>0</v>
      </c>
      <c r="BG49" s="1">
        <v>0</v>
      </c>
      <c r="BH49" s="1">
        <v>0</v>
      </c>
      <c r="BI49" s="1">
        <v>0</v>
      </c>
      <c r="BJ49" s="1">
        <v>0</v>
      </c>
      <c r="BK49" s="1">
        <v>0</v>
      </c>
      <c r="BL49" s="1">
        <v>0</v>
      </c>
      <c r="BM49" s="1">
        <v>0</v>
      </c>
      <c r="BN49" s="1">
        <v>0</v>
      </c>
      <c r="BO49" s="1">
        <v>0</v>
      </c>
      <c r="BP49" s="1">
        <v>0</v>
      </c>
      <c r="BQ49" s="1">
        <v>0</v>
      </c>
      <c r="BR49" s="1">
        <v>0</v>
      </c>
      <c r="BS49" s="1">
        <v>0</v>
      </c>
      <c r="BT49" s="1">
        <v>0</v>
      </c>
      <c r="BU49" s="1">
        <v>0</v>
      </c>
      <c r="BV49" s="3">
        <v>0</v>
      </c>
      <c r="BW49" s="1">
        <v>0</v>
      </c>
      <c r="BX49" s="1">
        <v>0</v>
      </c>
      <c r="BY49" s="1">
        <v>0</v>
      </c>
      <c r="BZ49" s="1">
        <v>0</v>
      </c>
      <c r="CA49" s="1">
        <v>0</v>
      </c>
      <c r="CB49" s="1">
        <v>0</v>
      </c>
      <c r="CC49" s="1">
        <v>0</v>
      </c>
      <c r="CD49" s="1">
        <v>0</v>
      </c>
      <c r="CE49" s="1">
        <v>0</v>
      </c>
      <c r="CF49" s="1">
        <v>0</v>
      </c>
      <c r="CG49" s="1">
        <v>0</v>
      </c>
      <c r="CH49" s="1">
        <v>0</v>
      </c>
      <c r="CI49" s="1">
        <v>0</v>
      </c>
      <c r="CJ49" s="1">
        <v>0</v>
      </c>
      <c r="CK49" s="1">
        <v>0</v>
      </c>
      <c r="CL49" s="1">
        <v>0</v>
      </c>
      <c r="CM49" s="1">
        <v>0</v>
      </c>
      <c r="CN49" s="1">
        <v>0</v>
      </c>
      <c r="CO49" s="1">
        <v>0</v>
      </c>
      <c r="CP49" s="1">
        <v>0</v>
      </c>
      <c r="CQ49" s="1">
        <v>0</v>
      </c>
      <c r="CR49" s="1">
        <v>0</v>
      </c>
      <c r="CS49" s="1">
        <v>0</v>
      </c>
      <c r="CT49" s="3">
        <v>0</v>
      </c>
      <c r="CU49" s="1">
        <v>0</v>
      </c>
      <c r="CV49" s="1">
        <v>0</v>
      </c>
      <c r="CW49" s="1">
        <v>0</v>
      </c>
      <c r="CX49" s="1">
        <v>0</v>
      </c>
      <c r="CY49" s="1">
        <v>0</v>
      </c>
      <c r="CZ49" s="1">
        <v>0</v>
      </c>
      <c r="DA49" s="1">
        <v>0</v>
      </c>
      <c r="DB49" s="1">
        <v>0</v>
      </c>
      <c r="DC49" s="1">
        <v>0</v>
      </c>
      <c r="DD49" s="1">
        <v>0</v>
      </c>
      <c r="DE49" s="1">
        <v>0</v>
      </c>
      <c r="DF49" s="1">
        <v>0</v>
      </c>
      <c r="DG49" s="3">
        <v>0</v>
      </c>
      <c r="DH49" s="3">
        <v>0</v>
      </c>
    </row>
    <row r="50" spans="1:112" ht="10" customHeight="1">
      <c r="A50" s="141"/>
      <c r="B50" s="29"/>
      <c r="C50" s="98" t="s">
        <v>196</v>
      </c>
      <c r="D50" s="90"/>
      <c r="E50" s="90"/>
      <c r="F50" s="91"/>
      <c r="G50" s="1">
        <v>15707986</v>
      </c>
      <c r="H50" s="1">
        <v>0</v>
      </c>
      <c r="I50" s="1">
        <v>1014508</v>
      </c>
      <c r="J50" s="1">
        <v>4540018</v>
      </c>
      <c r="K50" s="1">
        <v>824267</v>
      </c>
      <c r="L50" s="1">
        <v>0</v>
      </c>
      <c r="M50" s="1">
        <v>30170858</v>
      </c>
      <c r="N50" s="1">
        <v>0</v>
      </c>
      <c r="O50" s="1">
        <v>0</v>
      </c>
      <c r="P50" s="1">
        <v>0</v>
      </c>
      <c r="Q50" s="1">
        <v>0</v>
      </c>
      <c r="R50" s="1">
        <v>0</v>
      </c>
      <c r="S50" s="1">
        <v>1353264</v>
      </c>
      <c r="T50" s="1">
        <v>620396</v>
      </c>
      <c r="U50" s="1">
        <v>3554874</v>
      </c>
      <c r="V50" s="1">
        <v>13113297</v>
      </c>
      <c r="W50" s="1">
        <v>3107124</v>
      </c>
      <c r="X50" s="1">
        <v>5315280</v>
      </c>
      <c r="Y50" s="1">
        <v>1680095</v>
      </c>
      <c r="Z50" s="1">
        <v>0</v>
      </c>
      <c r="AA50" s="1">
        <v>0</v>
      </c>
      <c r="AB50" s="1">
        <v>200000</v>
      </c>
      <c r="AC50" s="1">
        <v>0</v>
      </c>
      <c r="AD50" s="1">
        <v>0</v>
      </c>
      <c r="AE50" s="1">
        <v>0</v>
      </c>
      <c r="AF50" s="1">
        <v>190360</v>
      </c>
      <c r="AG50" s="1">
        <v>45455</v>
      </c>
      <c r="AH50" s="1">
        <v>0</v>
      </c>
      <c r="AI50" s="1">
        <v>0</v>
      </c>
      <c r="AJ50" s="1">
        <v>259525</v>
      </c>
      <c r="AK50" s="1">
        <v>177828</v>
      </c>
      <c r="AL50" s="1">
        <v>0</v>
      </c>
      <c r="AM50" s="1">
        <v>0</v>
      </c>
      <c r="AN50" s="1">
        <v>0</v>
      </c>
      <c r="AO50" s="1">
        <v>8000</v>
      </c>
      <c r="AP50" s="1">
        <v>466247</v>
      </c>
      <c r="AQ50" s="1">
        <v>411341</v>
      </c>
      <c r="AR50" s="1">
        <v>599695</v>
      </c>
      <c r="AS50" s="1">
        <v>0</v>
      </c>
      <c r="AT50" s="1">
        <v>0</v>
      </c>
      <c r="AU50" s="1">
        <v>0</v>
      </c>
      <c r="AV50" s="1">
        <v>0</v>
      </c>
      <c r="AW50" s="1">
        <v>0</v>
      </c>
      <c r="AX50" s="1">
        <v>401329</v>
      </c>
      <c r="AY50" s="1">
        <v>0</v>
      </c>
      <c r="AZ50" s="1">
        <v>42562</v>
      </c>
      <c r="BA50" s="1">
        <v>0</v>
      </c>
      <c r="BB50" s="1">
        <v>120329</v>
      </c>
      <c r="BC50" s="1">
        <v>115779</v>
      </c>
      <c r="BD50" s="1">
        <v>0</v>
      </c>
      <c r="BE50" s="1">
        <v>554803</v>
      </c>
      <c r="BF50" s="1">
        <v>123156</v>
      </c>
      <c r="BG50" s="1">
        <v>0</v>
      </c>
      <c r="BH50" s="1">
        <v>0</v>
      </c>
      <c r="BI50" s="1">
        <v>84718376</v>
      </c>
      <c r="BJ50" s="1">
        <v>0</v>
      </c>
      <c r="BK50" s="1">
        <v>0</v>
      </c>
      <c r="BL50" s="1">
        <v>862</v>
      </c>
      <c r="BM50" s="1">
        <v>0</v>
      </c>
      <c r="BN50" s="1">
        <v>0</v>
      </c>
      <c r="BO50" s="1">
        <v>0</v>
      </c>
      <c r="BP50" s="1">
        <v>0</v>
      </c>
      <c r="BQ50" s="1">
        <v>131000</v>
      </c>
      <c r="BR50" s="1">
        <v>0</v>
      </c>
      <c r="BS50" s="1">
        <v>26980</v>
      </c>
      <c r="BT50" s="1">
        <v>48502</v>
      </c>
      <c r="BU50" s="1">
        <v>1001000</v>
      </c>
      <c r="BV50" s="3">
        <v>1208344</v>
      </c>
      <c r="BW50" s="1">
        <v>0</v>
      </c>
      <c r="BX50" s="1">
        <v>0</v>
      </c>
      <c r="BY50" s="1">
        <v>0</v>
      </c>
      <c r="BZ50" s="1">
        <v>0</v>
      </c>
      <c r="CA50" s="1">
        <v>0</v>
      </c>
      <c r="CB50" s="1">
        <v>713562</v>
      </c>
      <c r="CC50" s="1">
        <v>0</v>
      </c>
      <c r="CD50" s="1">
        <v>0</v>
      </c>
      <c r="CE50" s="1">
        <v>0</v>
      </c>
      <c r="CF50" s="1">
        <v>0</v>
      </c>
      <c r="CG50" s="1">
        <v>10014</v>
      </c>
      <c r="CH50" s="1">
        <v>100502</v>
      </c>
      <c r="CI50" s="1">
        <v>0</v>
      </c>
      <c r="CJ50" s="1">
        <v>0</v>
      </c>
      <c r="CK50" s="1">
        <v>0</v>
      </c>
      <c r="CL50" s="1">
        <v>0</v>
      </c>
      <c r="CM50" s="1">
        <v>0</v>
      </c>
      <c r="CN50" s="1">
        <v>0</v>
      </c>
      <c r="CO50" s="1">
        <v>183520</v>
      </c>
      <c r="CP50" s="1">
        <v>1888</v>
      </c>
      <c r="CQ50" s="1">
        <v>141335</v>
      </c>
      <c r="CR50" s="1">
        <v>0</v>
      </c>
      <c r="CS50" s="1">
        <v>0</v>
      </c>
      <c r="CT50" s="3">
        <v>1150821</v>
      </c>
      <c r="CU50" s="1">
        <v>0</v>
      </c>
      <c r="CV50" s="1">
        <v>0</v>
      </c>
      <c r="CW50" s="1">
        <v>0</v>
      </c>
      <c r="CX50" s="1">
        <v>0</v>
      </c>
      <c r="CY50" s="1">
        <v>0</v>
      </c>
      <c r="CZ50" s="1">
        <v>0</v>
      </c>
      <c r="DA50" s="1">
        <v>15000</v>
      </c>
      <c r="DB50" s="1">
        <v>0</v>
      </c>
      <c r="DC50" s="1">
        <v>0</v>
      </c>
      <c r="DD50" s="1">
        <v>0</v>
      </c>
      <c r="DE50" s="1">
        <v>836</v>
      </c>
      <c r="DF50" s="1">
        <v>2000</v>
      </c>
      <c r="DG50" s="3">
        <v>17836</v>
      </c>
      <c r="DH50" s="3">
        <v>87095377</v>
      </c>
    </row>
    <row r="51" spans="1:112" ht="10" customHeight="1">
      <c r="A51" s="141"/>
      <c r="B51" s="29"/>
      <c r="C51" s="98" t="s">
        <v>197</v>
      </c>
      <c r="D51" s="90"/>
      <c r="E51" s="90"/>
      <c r="F51" s="91"/>
      <c r="G51" s="1">
        <v>7868899</v>
      </c>
      <c r="H51" s="1">
        <v>3618736</v>
      </c>
      <c r="I51" s="1">
        <v>0</v>
      </c>
      <c r="J51" s="1">
        <v>4770000</v>
      </c>
      <c r="K51" s="1">
        <v>523750</v>
      </c>
      <c r="L51" s="1">
        <v>306859</v>
      </c>
      <c r="M51" s="1">
        <v>773756</v>
      </c>
      <c r="N51" s="1">
        <v>71692</v>
      </c>
      <c r="O51" s="1">
        <v>2309706</v>
      </c>
      <c r="P51" s="1">
        <v>97932</v>
      </c>
      <c r="Q51" s="1">
        <v>269342</v>
      </c>
      <c r="R51" s="1">
        <v>0</v>
      </c>
      <c r="S51" s="1">
        <v>2299268</v>
      </c>
      <c r="T51" s="1">
        <v>0</v>
      </c>
      <c r="U51" s="1">
        <v>0</v>
      </c>
      <c r="V51" s="1">
        <v>0</v>
      </c>
      <c r="W51" s="1">
        <v>0</v>
      </c>
      <c r="X51" s="1">
        <v>0</v>
      </c>
      <c r="Y51" s="1">
        <v>0</v>
      </c>
      <c r="Z51" s="1">
        <v>0</v>
      </c>
      <c r="AA51" s="1">
        <v>0</v>
      </c>
      <c r="AB51" s="1">
        <v>1418921</v>
      </c>
      <c r="AC51" s="1">
        <v>0</v>
      </c>
      <c r="AD51" s="1">
        <v>873484</v>
      </c>
      <c r="AE51" s="1">
        <v>4960007</v>
      </c>
      <c r="AF51" s="1">
        <v>1601660</v>
      </c>
      <c r="AG51" s="1">
        <v>0</v>
      </c>
      <c r="AH51" s="1">
        <v>0</v>
      </c>
      <c r="AI51" s="1">
        <v>157222</v>
      </c>
      <c r="AJ51" s="1">
        <v>0</v>
      </c>
      <c r="AK51" s="1">
        <v>5991300</v>
      </c>
      <c r="AL51" s="1">
        <v>413512</v>
      </c>
      <c r="AM51" s="1">
        <v>0</v>
      </c>
      <c r="AN51" s="1">
        <v>0</v>
      </c>
      <c r="AO51" s="1">
        <v>3279707</v>
      </c>
      <c r="AP51" s="1">
        <v>0</v>
      </c>
      <c r="AQ51" s="1">
        <v>64200</v>
      </c>
      <c r="AR51" s="1">
        <v>78082</v>
      </c>
      <c r="AS51" s="1">
        <v>168528</v>
      </c>
      <c r="AT51" s="1">
        <v>3505</v>
      </c>
      <c r="AU51" s="1">
        <v>0</v>
      </c>
      <c r="AV51" s="1">
        <v>0</v>
      </c>
      <c r="AW51" s="1">
        <v>0</v>
      </c>
      <c r="AX51" s="1">
        <v>0</v>
      </c>
      <c r="AY51" s="1">
        <v>0</v>
      </c>
      <c r="AZ51" s="1">
        <v>0</v>
      </c>
      <c r="BA51" s="1">
        <v>0</v>
      </c>
      <c r="BB51" s="1">
        <v>0</v>
      </c>
      <c r="BC51" s="1">
        <v>0</v>
      </c>
      <c r="BD51" s="1">
        <v>0</v>
      </c>
      <c r="BE51" s="1">
        <v>0</v>
      </c>
      <c r="BF51" s="1">
        <v>111289</v>
      </c>
      <c r="BG51" s="1">
        <v>0</v>
      </c>
      <c r="BH51" s="1">
        <v>0</v>
      </c>
      <c r="BI51" s="1">
        <v>42031357</v>
      </c>
      <c r="BJ51" s="1">
        <v>0</v>
      </c>
      <c r="BK51" s="1">
        <v>0</v>
      </c>
      <c r="BL51" s="1">
        <v>2355</v>
      </c>
      <c r="BM51" s="1">
        <v>1365399</v>
      </c>
      <c r="BN51" s="1">
        <v>0</v>
      </c>
      <c r="BO51" s="1">
        <v>13249</v>
      </c>
      <c r="BP51" s="1">
        <v>0</v>
      </c>
      <c r="BQ51" s="1">
        <v>0</v>
      </c>
      <c r="BR51" s="1">
        <v>0</v>
      </c>
      <c r="BS51" s="1">
        <v>0</v>
      </c>
      <c r="BT51" s="1">
        <v>0</v>
      </c>
      <c r="BU51" s="1">
        <v>0</v>
      </c>
      <c r="BV51" s="3">
        <v>1381003</v>
      </c>
      <c r="BW51" s="1">
        <v>0</v>
      </c>
      <c r="BX51" s="1">
        <v>0</v>
      </c>
      <c r="BY51" s="1">
        <v>0</v>
      </c>
      <c r="BZ51" s="1">
        <v>0</v>
      </c>
      <c r="CA51" s="1">
        <v>0</v>
      </c>
      <c r="CB51" s="1">
        <v>0</v>
      </c>
      <c r="CC51" s="1">
        <v>0</v>
      </c>
      <c r="CD51" s="1">
        <v>0</v>
      </c>
      <c r="CE51" s="1">
        <v>0</v>
      </c>
      <c r="CF51" s="1">
        <v>91928</v>
      </c>
      <c r="CG51" s="1">
        <v>0</v>
      </c>
      <c r="CH51" s="1">
        <v>2123</v>
      </c>
      <c r="CI51" s="1">
        <v>0</v>
      </c>
      <c r="CJ51" s="1">
        <v>0</v>
      </c>
      <c r="CK51" s="1">
        <v>0</v>
      </c>
      <c r="CL51" s="1">
        <v>28152</v>
      </c>
      <c r="CM51" s="1">
        <v>0</v>
      </c>
      <c r="CN51" s="1">
        <v>0</v>
      </c>
      <c r="CO51" s="1">
        <v>0</v>
      </c>
      <c r="CP51" s="1">
        <v>0</v>
      </c>
      <c r="CQ51" s="1">
        <v>0</v>
      </c>
      <c r="CR51" s="1">
        <v>0</v>
      </c>
      <c r="CS51" s="1">
        <v>0</v>
      </c>
      <c r="CT51" s="3">
        <v>122203</v>
      </c>
      <c r="CU51" s="1">
        <v>0</v>
      </c>
      <c r="CV51" s="1">
        <v>0</v>
      </c>
      <c r="CW51" s="1">
        <v>0</v>
      </c>
      <c r="CX51" s="1">
        <v>211</v>
      </c>
      <c r="CY51" s="1">
        <v>0</v>
      </c>
      <c r="CZ51" s="1">
        <v>0</v>
      </c>
      <c r="DA51" s="1">
        <v>0</v>
      </c>
      <c r="DB51" s="1">
        <v>0</v>
      </c>
      <c r="DC51" s="1">
        <v>0</v>
      </c>
      <c r="DD51" s="1">
        <v>0</v>
      </c>
      <c r="DE51" s="1">
        <v>0</v>
      </c>
      <c r="DF51" s="1">
        <v>0</v>
      </c>
      <c r="DG51" s="3">
        <v>211</v>
      </c>
      <c r="DH51" s="3">
        <v>43534774</v>
      </c>
    </row>
    <row r="52" spans="1:112" ht="10" customHeight="1">
      <c r="A52" s="141"/>
      <c r="B52" s="114" t="s">
        <v>198</v>
      </c>
      <c r="C52" s="93"/>
      <c r="D52" s="93"/>
      <c r="E52" s="93"/>
      <c r="F52" s="94"/>
      <c r="G52" s="1">
        <v>2714308</v>
      </c>
      <c r="H52" s="1">
        <v>2855274</v>
      </c>
      <c r="I52" s="1">
        <v>2134162</v>
      </c>
      <c r="J52" s="1">
        <v>3645453</v>
      </c>
      <c r="K52" s="1">
        <v>921413</v>
      </c>
      <c r="L52" s="1">
        <v>690942</v>
      </c>
      <c r="M52" s="1">
        <v>6843837</v>
      </c>
      <c r="N52" s="1">
        <v>3660523</v>
      </c>
      <c r="O52" s="1">
        <v>746653</v>
      </c>
      <c r="P52" s="1">
        <v>724541</v>
      </c>
      <c r="Q52" s="1">
        <v>4193819</v>
      </c>
      <c r="R52" s="1">
        <v>1698847</v>
      </c>
      <c r="S52" s="1">
        <v>1348200</v>
      </c>
      <c r="T52" s="1">
        <v>602870</v>
      </c>
      <c r="U52" s="1">
        <v>226239</v>
      </c>
      <c r="V52" s="1">
        <v>2261196</v>
      </c>
      <c r="W52" s="1">
        <v>986201</v>
      </c>
      <c r="X52" s="1">
        <v>791869</v>
      </c>
      <c r="Y52" s="1">
        <v>3645801</v>
      </c>
      <c r="Z52" s="1">
        <v>158874</v>
      </c>
      <c r="AA52" s="1">
        <v>1135717</v>
      </c>
      <c r="AB52" s="1">
        <v>330915</v>
      </c>
      <c r="AC52" s="1">
        <v>2203736</v>
      </c>
      <c r="AD52" s="1">
        <v>1595923</v>
      </c>
      <c r="AE52" s="1">
        <v>1527020</v>
      </c>
      <c r="AF52" s="1">
        <v>647085</v>
      </c>
      <c r="AG52" s="1">
        <v>271657</v>
      </c>
      <c r="AH52" s="1">
        <v>2283455</v>
      </c>
      <c r="AI52" s="1">
        <v>527621</v>
      </c>
      <c r="AJ52" s="1">
        <v>1650698</v>
      </c>
      <c r="AK52" s="1">
        <v>519624</v>
      </c>
      <c r="AL52" s="1">
        <v>1055070</v>
      </c>
      <c r="AM52" s="1">
        <v>185967</v>
      </c>
      <c r="AN52" s="1">
        <v>608285</v>
      </c>
      <c r="AO52" s="1">
        <v>1766943</v>
      </c>
      <c r="AP52" s="1">
        <v>2570058</v>
      </c>
      <c r="AQ52" s="1">
        <v>2418337</v>
      </c>
      <c r="AR52" s="1">
        <v>484641</v>
      </c>
      <c r="AS52" s="1">
        <v>172111</v>
      </c>
      <c r="AT52" s="1">
        <v>489444</v>
      </c>
      <c r="AU52" s="1">
        <v>75270</v>
      </c>
      <c r="AV52" s="1">
        <v>216148</v>
      </c>
      <c r="AW52" s="1">
        <v>116172</v>
      </c>
      <c r="AX52" s="1">
        <v>65673</v>
      </c>
      <c r="AY52" s="1">
        <v>513113</v>
      </c>
      <c r="AZ52" s="1">
        <v>11461</v>
      </c>
      <c r="BA52" s="1">
        <v>44813</v>
      </c>
      <c r="BB52" s="1">
        <v>48165</v>
      </c>
      <c r="BC52" s="1">
        <v>78880</v>
      </c>
      <c r="BD52" s="1">
        <v>1503038</v>
      </c>
      <c r="BE52" s="1">
        <v>201616</v>
      </c>
      <c r="BF52" s="1">
        <v>57447</v>
      </c>
      <c r="BG52" s="1">
        <v>5765836</v>
      </c>
      <c r="BH52" s="1">
        <v>700961</v>
      </c>
      <c r="BI52" s="1">
        <v>72693922</v>
      </c>
      <c r="BJ52" s="1">
        <v>-58</v>
      </c>
      <c r="BK52" s="1">
        <v>0</v>
      </c>
      <c r="BL52" s="1">
        <v>0</v>
      </c>
      <c r="BM52" s="1">
        <v>92693</v>
      </c>
      <c r="BN52" s="1">
        <v>201388</v>
      </c>
      <c r="BO52" s="1">
        <v>295869</v>
      </c>
      <c r="BP52" s="1">
        <v>8967</v>
      </c>
      <c r="BQ52" s="1">
        <v>112705</v>
      </c>
      <c r="BR52" s="1">
        <v>120653</v>
      </c>
      <c r="BS52" s="1">
        <v>965</v>
      </c>
      <c r="BT52" s="1">
        <v>22637</v>
      </c>
      <c r="BU52" s="1">
        <v>87826</v>
      </c>
      <c r="BV52" s="3">
        <v>943645</v>
      </c>
      <c r="BW52" s="1">
        <v>309175</v>
      </c>
      <c r="BX52" s="1">
        <v>79956</v>
      </c>
      <c r="BY52" s="1">
        <v>241825</v>
      </c>
      <c r="BZ52" s="1">
        <v>70900</v>
      </c>
      <c r="CA52" s="1">
        <v>14268</v>
      </c>
      <c r="CB52" s="1">
        <v>714686</v>
      </c>
      <c r="CC52" s="1">
        <v>57486</v>
      </c>
      <c r="CD52" s="1">
        <v>247359</v>
      </c>
      <c r="CE52" s="1">
        <v>23115</v>
      </c>
      <c r="CF52" s="1">
        <v>42604</v>
      </c>
      <c r="CG52" s="1">
        <v>17881</v>
      </c>
      <c r="CH52" s="1">
        <v>47212</v>
      </c>
      <c r="CI52" s="1">
        <v>31063</v>
      </c>
      <c r="CJ52" s="1">
        <v>61936</v>
      </c>
      <c r="CK52" s="1">
        <v>37520</v>
      </c>
      <c r="CL52" s="1">
        <v>70820</v>
      </c>
      <c r="CM52" s="1">
        <v>-223837</v>
      </c>
      <c r="CN52" s="1">
        <v>42403</v>
      </c>
      <c r="CO52" s="1">
        <v>128818</v>
      </c>
      <c r="CP52" s="1">
        <v>-1945</v>
      </c>
      <c r="CQ52" s="1">
        <v>19676</v>
      </c>
      <c r="CR52" s="1">
        <v>41938</v>
      </c>
      <c r="CS52" s="1">
        <v>24299</v>
      </c>
      <c r="CT52" s="3">
        <v>2099158</v>
      </c>
      <c r="CU52" s="1">
        <v>599</v>
      </c>
      <c r="CV52" s="1">
        <v>8549</v>
      </c>
      <c r="CW52" s="1">
        <v>-39833</v>
      </c>
      <c r="CX52" s="1">
        <v>6018</v>
      </c>
      <c r="CY52" s="1">
        <v>-5825</v>
      </c>
      <c r="CZ52" s="1">
        <v>16796</v>
      </c>
      <c r="DA52" s="1">
        <v>884</v>
      </c>
      <c r="DB52" s="1">
        <v>-2273</v>
      </c>
      <c r="DC52" s="1">
        <v>-44981</v>
      </c>
      <c r="DD52" s="1">
        <v>13681</v>
      </c>
      <c r="DE52" s="1">
        <v>-5036</v>
      </c>
      <c r="DF52" s="1">
        <v>13507</v>
      </c>
      <c r="DG52" s="3">
        <v>-37914</v>
      </c>
      <c r="DH52" s="3">
        <v>75698811</v>
      </c>
    </row>
    <row r="53" spans="1:112" ht="10" customHeight="1">
      <c r="A53" s="141"/>
      <c r="B53" s="29"/>
      <c r="C53" s="114" t="s">
        <v>199</v>
      </c>
      <c r="D53" s="93"/>
      <c r="E53" s="93"/>
      <c r="F53" s="94"/>
      <c r="G53" s="1">
        <v>244920</v>
      </c>
      <c r="H53" s="1">
        <v>898105</v>
      </c>
      <c r="I53" s="1">
        <v>1163505</v>
      </c>
      <c r="J53" s="1">
        <v>670509</v>
      </c>
      <c r="K53" s="1">
        <v>767117</v>
      </c>
      <c r="L53" s="1">
        <v>220954</v>
      </c>
      <c r="M53" s="1">
        <v>6547837</v>
      </c>
      <c r="N53" s="1">
        <v>3343170</v>
      </c>
      <c r="O53" s="1">
        <v>414954</v>
      </c>
      <c r="P53" s="1">
        <v>21127</v>
      </c>
      <c r="Q53" s="1">
        <v>3940753</v>
      </c>
      <c r="R53" s="1">
        <v>48286</v>
      </c>
      <c r="S53" s="1">
        <v>8094</v>
      </c>
      <c r="T53" s="1">
        <v>415362</v>
      </c>
      <c r="U53" s="1">
        <v>0</v>
      </c>
      <c r="V53" s="1">
        <v>1734032</v>
      </c>
      <c r="W53" s="1">
        <v>805977</v>
      </c>
      <c r="X53" s="1">
        <v>70563</v>
      </c>
      <c r="Y53" s="1">
        <v>2320870</v>
      </c>
      <c r="Z53" s="1">
        <v>0</v>
      </c>
      <c r="AA53" s="1">
        <v>291413</v>
      </c>
      <c r="AB53" s="1">
        <v>25895</v>
      </c>
      <c r="AC53" s="1">
        <v>764853</v>
      </c>
      <c r="AD53" s="1">
        <v>669936</v>
      </c>
      <c r="AE53" s="1">
        <v>1448298</v>
      </c>
      <c r="AF53" s="1">
        <v>37449</v>
      </c>
      <c r="AG53" s="1">
        <v>146954</v>
      </c>
      <c r="AH53" s="1">
        <v>1819262</v>
      </c>
      <c r="AI53" s="1">
        <v>258533</v>
      </c>
      <c r="AJ53" s="1">
        <v>709469</v>
      </c>
      <c r="AK53" s="1">
        <v>0</v>
      </c>
      <c r="AL53" s="1">
        <v>4925</v>
      </c>
      <c r="AM53" s="1">
        <v>23102</v>
      </c>
      <c r="AN53" s="1">
        <v>457172</v>
      </c>
      <c r="AO53" s="1">
        <v>1139034</v>
      </c>
      <c r="AP53" s="1">
        <v>1871191</v>
      </c>
      <c r="AQ53" s="1">
        <v>736384</v>
      </c>
      <c r="AR53" s="1">
        <v>433515</v>
      </c>
      <c r="AS53" s="1">
        <v>30216</v>
      </c>
      <c r="AT53" s="1">
        <v>129341</v>
      </c>
      <c r="AU53" s="1">
        <v>35897</v>
      </c>
      <c r="AV53" s="1">
        <v>0</v>
      </c>
      <c r="AW53" s="1">
        <v>0</v>
      </c>
      <c r="AX53" s="1">
        <v>3221</v>
      </c>
      <c r="AY53" s="1">
        <v>0</v>
      </c>
      <c r="AZ53" s="1">
        <v>0</v>
      </c>
      <c r="BA53" s="1">
        <v>19989</v>
      </c>
      <c r="BB53" s="1">
        <v>0</v>
      </c>
      <c r="BC53" s="1">
        <v>32486</v>
      </c>
      <c r="BD53" s="1">
        <v>1334874</v>
      </c>
      <c r="BE53" s="1">
        <v>0</v>
      </c>
      <c r="BF53" s="1">
        <v>13186</v>
      </c>
      <c r="BG53" s="1">
        <v>5354479</v>
      </c>
      <c r="BH53" s="1">
        <v>474246</v>
      </c>
      <c r="BI53" s="1">
        <v>41901455</v>
      </c>
      <c r="BJ53" s="1">
        <v>0</v>
      </c>
      <c r="BK53" s="1">
        <v>0</v>
      </c>
      <c r="BL53" s="1">
        <v>0</v>
      </c>
      <c r="BM53" s="1">
        <v>0</v>
      </c>
      <c r="BN53" s="1">
        <v>0</v>
      </c>
      <c r="BO53" s="1">
        <v>0</v>
      </c>
      <c r="BP53" s="1">
        <v>0</v>
      </c>
      <c r="BQ53" s="1">
        <v>83606</v>
      </c>
      <c r="BR53" s="1">
        <v>56439</v>
      </c>
      <c r="BS53" s="1">
        <v>0</v>
      </c>
      <c r="BT53" s="1">
        <v>0</v>
      </c>
      <c r="BU53" s="1">
        <v>0</v>
      </c>
      <c r="BV53" s="3">
        <v>140045</v>
      </c>
      <c r="BW53" s="1">
        <v>135886</v>
      </c>
      <c r="BX53" s="1">
        <v>69362</v>
      </c>
      <c r="BY53" s="1">
        <v>210221</v>
      </c>
      <c r="BZ53" s="1">
        <v>55978</v>
      </c>
      <c r="CA53" s="1">
        <v>0</v>
      </c>
      <c r="CB53" s="1">
        <v>431884</v>
      </c>
      <c r="CC53" s="1">
        <v>0</v>
      </c>
      <c r="CD53" s="1">
        <v>129499</v>
      </c>
      <c r="CE53" s="1">
        <v>19415</v>
      </c>
      <c r="CF53" s="1">
        <v>24973</v>
      </c>
      <c r="CG53" s="1">
        <v>39924</v>
      </c>
      <c r="CH53" s="1">
        <v>46007</v>
      </c>
      <c r="CI53" s="1">
        <v>29027</v>
      </c>
      <c r="CJ53" s="1">
        <v>62206</v>
      </c>
      <c r="CK53" s="1">
        <v>11661</v>
      </c>
      <c r="CL53" s="1">
        <v>32103</v>
      </c>
      <c r="CM53" s="1">
        <v>81275</v>
      </c>
      <c r="CN53" s="1">
        <v>0</v>
      </c>
      <c r="CO53" s="1">
        <v>53086</v>
      </c>
      <c r="CP53" s="1">
        <v>0</v>
      </c>
      <c r="CQ53" s="1">
        <v>37226</v>
      </c>
      <c r="CR53" s="1">
        <v>19695</v>
      </c>
      <c r="CS53" s="1">
        <v>24171</v>
      </c>
      <c r="CT53" s="3">
        <v>1513599</v>
      </c>
      <c r="CU53" s="1">
        <v>0</v>
      </c>
      <c r="CV53" s="1">
        <v>72</v>
      </c>
      <c r="CW53" s="1">
        <v>0</v>
      </c>
      <c r="CX53" s="1">
        <v>0</v>
      </c>
      <c r="CY53" s="1">
        <v>0</v>
      </c>
      <c r="CZ53" s="1">
        <v>0</v>
      </c>
      <c r="DA53" s="1">
        <v>0</v>
      </c>
      <c r="DB53" s="1">
        <v>0</v>
      </c>
      <c r="DC53" s="1">
        <v>0</v>
      </c>
      <c r="DD53" s="1">
        <v>14096</v>
      </c>
      <c r="DE53" s="1">
        <v>0</v>
      </c>
      <c r="DF53" s="1">
        <v>0</v>
      </c>
      <c r="DG53" s="3">
        <v>14168</v>
      </c>
      <c r="DH53" s="3">
        <v>43569267</v>
      </c>
    </row>
    <row r="54" spans="1:112" ht="10" customHeight="1">
      <c r="A54" s="141"/>
      <c r="B54" s="29"/>
      <c r="C54" s="29"/>
      <c r="D54" s="98" t="s">
        <v>200</v>
      </c>
      <c r="E54" s="90"/>
      <c r="F54" s="91"/>
      <c r="G54" s="1">
        <v>0</v>
      </c>
      <c r="H54" s="1">
        <v>14116</v>
      </c>
      <c r="I54" s="1">
        <v>177802</v>
      </c>
      <c r="J54" s="1">
        <v>153625</v>
      </c>
      <c r="K54" s="1">
        <v>198050</v>
      </c>
      <c r="L54" s="1">
        <v>201835</v>
      </c>
      <c r="M54" s="1">
        <v>159854</v>
      </c>
      <c r="N54" s="1">
        <v>1772369</v>
      </c>
      <c r="O54" s="1">
        <v>368131</v>
      </c>
      <c r="P54" s="1">
        <v>8021</v>
      </c>
      <c r="Q54" s="1">
        <v>1357870</v>
      </c>
      <c r="R54" s="1">
        <v>45287</v>
      </c>
      <c r="S54" s="1">
        <v>0</v>
      </c>
      <c r="T54" s="1">
        <v>336606</v>
      </c>
      <c r="U54" s="1">
        <v>0</v>
      </c>
      <c r="V54" s="1">
        <v>958620</v>
      </c>
      <c r="W54" s="1">
        <v>251331</v>
      </c>
      <c r="X54" s="1">
        <v>17142</v>
      </c>
      <c r="Y54" s="1">
        <v>355670</v>
      </c>
      <c r="Z54" s="1">
        <v>0</v>
      </c>
      <c r="AA54" s="1">
        <v>0</v>
      </c>
      <c r="AB54" s="1">
        <v>0</v>
      </c>
      <c r="AC54" s="1">
        <v>136509</v>
      </c>
      <c r="AD54" s="1">
        <v>114630</v>
      </c>
      <c r="AE54" s="1">
        <v>0</v>
      </c>
      <c r="AF54" s="1">
        <v>0</v>
      </c>
      <c r="AG54" s="1">
        <v>0</v>
      </c>
      <c r="AH54" s="1">
        <v>36000</v>
      </c>
      <c r="AI54" s="1">
        <v>4320</v>
      </c>
      <c r="AJ54" s="1">
        <v>0</v>
      </c>
      <c r="AK54" s="1">
        <v>0</v>
      </c>
      <c r="AL54" s="1">
        <v>0</v>
      </c>
      <c r="AM54" s="1">
        <v>1160</v>
      </c>
      <c r="AN54" s="1">
        <v>28000</v>
      </c>
      <c r="AO54" s="1">
        <v>690312</v>
      </c>
      <c r="AP54" s="1">
        <v>330572</v>
      </c>
      <c r="AQ54" s="1">
        <v>313722</v>
      </c>
      <c r="AR54" s="1">
        <v>0</v>
      </c>
      <c r="AS54" s="1">
        <v>0</v>
      </c>
      <c r="AT54" s="1">
        <v>0</v>
      </c>
      <c r="AU54" s="1">
        <v>0</v>
      </c>
      <c r="AV54" s="1">
        <v>0</v>
      </c>
      <c r="AW54" s="1">
        <v>0</v>
      </c>
      <c r="AX54" s="1">
        <v>3221</v>
      </c>
      <c r="AY54" s="1">
        <v>0</v>
      </c>
      <c r="AZ54" s="1">
        <v>0</v>
      </c>
      <c r="BA54" s="1">
        <v>0</v>
      </c>
      <c r="BB54" s="1">
        <v>0</v>
      </c>
      <c r="BC54" s="1">
        <v>31833</v>
      </c>
      <c r="BD54" s="1">
        <v>939</v>
      </c>
      <c r="BE54" s="1">
        <v>0</v>
      </c>
      <c r="BF54" s="1">
        <v>0</v>
      </c>
      <c r="BG54" s="1">
        <v>2413032</v>
      </c>
      <c r="BH54" s="1">
        <v>282028</v>
      </c>
      <c r="BI54" s="1">
        <v>10762607</v>
      </c>
      <c r="BJ54" s="1">
        <v>0</v>
      </c>
      <c r="BK54" s="1">
        <v>0</v>
      </c>
      <c r="BL54" s="1">
        <v>0</v>
      </c>
      <c r="BM54" s="1">
        <v>0</v>
      </c>
      <c r="BN54" s="1">
        <v>0</v>
      </c>
      <c r="BO54" s="1">
        <v>0</v>
      </c>
      <c r="BP54" s="1">
        <v>0</v>
      </c>
      <c r="BQ54" s="1">
        <v>52800</v>
      </c>
      <c r="BR54" s="1">
        <v>40800</v>
      </c>
      <c r="BS54" s="1">
        <v>0</v>
      </c>
      <c r="BT54" s="1">
        <v>0</v>
      </c>
      <c r="BU54" s="1">
        <v>0</v>
      </c>
      <c r="BV54" s="3">
        <v>93600</v>
      </c>
      <c r="BW54" s="1">
        <v>0</v>
      </c>
      <c r="BX54" s="1">
        <v>56895</v>
      </c>
      <c r="BY54" s="1">
        <v>142046</v>
      </c>
      <c r="BZ54" s="1">
        <v>36672</v>
      </c>
      <c r="CA54" s="1">
        <v>0</v>
      </c>
      <c r="CB54" s="1">
        <v>333704</v>
      </c>
      <c r="CC54" s="1">
        <v>0</v>
      </c>
      <c r="CD54" s="1">
        <v>81298</v>
      </c>
      <c r="CE54" s="1">
        <v>406</v>
      </c>
      <c r="CF54" s="1">
        <v>16649</v>
      </c>
      <c r="CG54" s="1">
        <v>28162</v>
      </c>
      <c r="CH54" s="1">
        <v>0</v>
      </c>
      <c r="CI54" s="1">
        <v>22260</v>
      </c>
      <c r="CJ54" s="1">
        <v>0</v>
      </c>
      <c r="CK54" s="1">
        <v>0</v>
      </c>
      <c r="CL54" s="1">
        <v>14503</v>
      </c>
      <c r="CM54" s="1">
        <v>81275</v>
      </c>
      <c r="CN54" s="1">
        <v>0</v>
      </c>
      <c r="CO54" s="1">
        <v>0</v>
      </c>
      <c r="CP54" s="1">
        <v>0</v>
      </c>
      <c r="CQ54" s="1">
        <v>31022</v>
      </c>
      <c r="CR54" s="1">
        <v>2158</v>
      </c>
      <c r="CS54" s="1">
        <v>0</v>
      </c>
      <c r="CT54" s="3">
        <v>847050</v>
      </c>
      <c r="CU54" s="1">
        <v>0</v>
      </c>
      <c r="CV54" s="1">
        <v>0</v>
      </c>
      <c r="CW54" s="1">
        <v>0</v>
      </c>
      <c r="CX54" s="1">
        <v>0</v>
      </c>
      <c r="CY54" s="1">
        <v>0</v>
      </c>
      <c r="CZ54" s="1">
        <v>0</v>
      </c>
      <c r="DA54" s="1">
        <v>0</v>
      </c>
      <c r="DB54" s="1">
        <v>0</v>
      </c>
      <c r="DC54" s="1">
        <v>0</v>
      </c>
      <c r="DD54" s="1">
        <v>0</v>
      </c>
      <c r="DE54" s="1">
        <v>0</v>
      </c>
      <c r="DF54" s="1">
        <v>0</v>
      </c>
      <c r="DG54" s="3">
        <v>0</v>
      </c>
      <c r="DH54" s="3">
        <v>11703257</v>
      </c>
    </row>
    <row r="55" spans="1:112" ht="10" customHeight="1">
      <c r="A55" s="141"/>
      <c r="B55" s="29"/>
      <c r="C55" s="29"/>
      <c r="D55" s="98" t="s">
        <v>201</v>
      </c>
      <c r="E55" s="90"/>
      <c r="F55" s="91"/>
      <c r="G55" s="1">
        <v>0</v>
      </c>
      <c r="H55" s="1">
        <v>0</v>
      </c>
      <c r="I55" s="1">
        <v>0</v>
      </c>
      <c r="J55" s="1">
        <v>9547</v>
      </c>
      <c r="K55" s="1">
        <v>0</v>
      </c>
      <c r="L55" s="1">
        <v>0</v>
      </c>
      <c r="M55" s="1">
        <v>0</v>
      </c>
      <c r="N55" s="1">
        <v>17996</v>
      </c>
      <c r="O55" s="1">
        <v>0</v>
      </c>
      <c r="P55" s="1">
        <v>1819</v>
      </c>
      <c r="Q55" s="1">
        <v>9500</v>
      </c>
      <c r="R55" s="1">
        <v>0</v>
      </c>
      <c r="S55" s="1">
        <v>0</v>
      </c>
      <c r="T55" s="1">
        <v>0</v>
      </c>
      <c r="U55" s="1">
        <v>0</v>
      </c>
      <c r="V55" s="1">
        <v>5000</v>
      </c>
      <c r="W55" s="1">
        <v>0</v>
      </c>
      <c r="X55" s="1">
        <v>0</v>
      </c>
      <c r="Y55" s="1">
        <v>32</v>
      </c>
      <c r="Z55" s="1">
        <v>0</v>
      </c>
      <c r="AA55" s="1">
        <v>0</v>
      </c>
      <c r="AB55" s="1">
        <v>0</v>
      </c>
      <c r="AC55" s="1">
        <v>0</v>
      </c>
      <c r="AD55" s="1">
        <v>0</v>
      </c>
      <c r="AE55" s="1">
        <v>0</v>
      </c>
      <c r="AF55" s="1">
        <v>0</v>
      </c>
      <c r="AG55" s="1">
        <v>0</v>
      </c>
      <c r="AH55" s="1">
        <v>0</v>
      </c>
      <c r="AI55" s="1">
        <v>0</v>
      </c>
      <c r="AJ55" s="1">
        <v>0</v>
      </c>
      <c r="AK55" s="1">
        <v>0</v>
      </c>
      <c r="AL55" s="1">
        <v>0</v>
      </c>
      <c r="AM55" s="1">
        <v>0</v>
      </c>
      <c r="AN55" s="1">
        <v>0</v>
      </c>
      <c r="AO55" s="1">
        <v>9383</v>
      </c>
      <c r="AP55" s="1">
        <v>0</v>
      </c>
      <c r="AQ55" s="1">
        <v>0</v>
      </c>
      <c r="AR55" s="1">
        <v>0</v>
      </c>
      <c r="AS55" s="1">
        <v>0</v>
      </c>
      <c r="AT55" s="1">
        <v>0</v>
      </c>
      <c r="AU55" s="1">
        <v>0</v>
      </c>
      <c r="AV55" s="1">
        <v>0</v>
      </c>
      <c r="AW55" s="1">
        <v>0</v>
      </c>
      <c r="AX55" s="1">
        <v>0</v>
      </c>
      <c r="AY55" s="1">
        <v>0</v>
      </c>
      <c r="AZ55" s="1">
        <v>0</v>
      </c>
      <c r="BA55" s="1">
        <v>0</v>
      </c>
      <c r="BB55" s="1">
        <v>0</v>
      </c>
      <c r="BC55" s="1">
        <v>0</v>
      </c>
      <c r="BD55" s="1">
        <v>0</v>
      </c>
      <c r="BE55" s="1">
        <v>0</v>
      </c>
      <c r="BF55" s="1">
        <v>0</v>
      </c>
      <c r="BG55" s="1">
        <v>0</v>
      </c>
      <c r="BH55" s="1">
        <v>11302</v>
      </c>
      <c r="BI55" s="1">
        <v>64579</v>
      </c>
      <c r="BJ55" s="1">
        <v>0</v>
      </c>
      <c r="BK55" s="1">
        <v>0</v>
      </c>
      <c r="BL55" s="1">
        <v>0</v>
      </c>
      <c r="BM55" s="1">
        <v>0</v>
      </c>
      <c r="BN55" s="1">
        <v>0</v>
      </c>
      <c r="BO55" s="1">
        <v>0</v>
      </c>
      <c r="BP55" s="1">
        <v>0</v>
      </c>
      <c r="BQ55" s="1">
        <v>1056</v>
      </c>
      <c r="BR55" s="1">
        <v>0</v>
      </c>
      <c r="BS55" s="1">
        <v>0</v>
      </c>
      <c r="BT55" s="1">
        <v>0</v>
      </c>
      <c r="BU55" s="1">
        <v>0</v>
      </c>
      <c r="BV55" s="3">
        <v>1056</v>
      </c>
      <c r="BW55" s="1">
        <v>80212</v>
      </c>
      <c r="BX55" s="1">
        <v>0</v>
      </c>
      <c r="BY55" s="1">
        <v>0</v>
      </c>
      <c r="BZ55" s="1">
        <v>9977</v>
      </c>
      <c r="CA55" s="1">
        <v>0</v>
      </c>
      <c r="CB55" s="1">
        <v>0</v>
      </c>
      <c r="CC55" s="1">
        <v>0</v>
      </c>
      <c r="CD55" s="1">
        <v>19437</v>
      </c>
      <c r="CE55" s="1">
        <v>0</v>
      </c>
      <c r="CF55" s="1">
        <v>8324</v>
      </c>
      <c r="CG55" s="1">
        <v>0</v>
      </c>
      <c r="CH55" s="1">
        <v>0</v>
      </c>
      <c r="CI55" s="1">
        <v>2609</v>
      </c>
      <c r="CJ55" s="1">
        <v>0</v>
      </c>
      <c r="CK55" s="1">
        <v>0</v>
      </c>
      <c r="CL55" s="1">
        <v>0</v>
      </c>
      <c r="CM55" s="1">
        <v>0</v>
      </c>
      <c r="CN55" s="1">
        <v>0</v>
      </c>
      <c r="CO55" s="1">
        <v>0</v>
      </c>
      <c r="CP55" s="1">
        <v>0</v>
      </c>
      <c r="CQ55" s="1">
        <v>0</v>
      </c>
      <c r="CR55" s="1">
        <v>17537</v>
      </c>
      <c r="CS55" s="1">
        <v>11998</v>
      </c>
      <c r="CT55" s="3">
        <v>150094</v>
      </c>
      <c r="CU55" s="1">
        <v>0</v>
      </c>
      <c r="CV55" s="1">
        <v>0</v>
      </c>
      <c r="CW55" s="1">
        <v>0</v>
      </c>
      <c r="CX55" s="1">
        <v>0</v>
      </c>
      <c r="CY55" s="1">
        <v>0</v>
      </c>
      <c r="CZ55" s="1">
        <v>0</v>
      </c>
      <c r="DA55" s="1">
        <v>0</v>
      </c>
      <c r="DB55" s="1">
        <v>0</v>
      </c>
      <c r="DC55" s="1">
        <v>0</v>
      </c>
      <c r="DD55" s="1">
        <v>0</v>
      </c>
      <c r="DE55" s="1">
        <v>0</v>
      </c>
      <c r="DF55" s="1">
        <v>0</v>
      </c>
      <c r="DG55" s="3">
        <v>0</v>
      </c>
      <c r="DH55" s="3">
        <v>215729</v>
      </c>
    </row>
    <row r="56" spans="1:112" ht="10" customHeight="1">
      <c r="A56" s="141"/>
      <c r="B56" s="29"/>
      <c r="C56" s="29"/>
      <c r="D56" s="98" t="s">
        <v>202</v>
      </c>
      <c r="E56" s="90"/>
      <c r="F56" s="91"/>
      <c r="G56" s="1">
        <v>0</v>
      </c>
      <c r="H56" s="1">
        <v>0</v>
      </c>
      <c r="I56" s="1">
        <v>0</v>
      </c>
      <c r="J56" s="1">
        <v>12064</v>
      </c>
      <c r="K56" s="1">
        <v>0</v>
      </c>
      <c r="L56" s="1">
        <v>0</v>
      </c>
      <c r="M56" s="1">
        <v>0</v>
      </c>
      <c r="N56" s="1">
        <v>0</v>
      </c>
      <c r="O56" s="1">
        <v>40168</v>
      </c>
      <c r="P56" s="1">
        <v>4068</v>
      </c>
      <c r="Q56" s="1">
        <v>0</v>
      </c>
      <c r="R56" s="1">
        <v>0</v>
      </c>
      <c r="S56" s="1">
        <v>0</v>
      </c>
      <c r="T56" s="1">
        <v>78756</v>
      </c>
      <c r="U56" s="1">
        <v>0</v>
      </c>
      <c r="V56" s="1">
        <v>0</v>
      </c>
      <c r="W56" s="1">
        <v>0</v>
      </c>
      <c r="X56" s="1">
        <v>0</v>
      </c>
      <c r="Y56" s="1">
        <v>0</v>
      </c>
      <c r="Z56" s="1">
        <v>0</v>
      </c>
      <c r="AA56" s="1">
        <v>0</v>
      </c>
      <c r="AB56" s="1">
        <v>0</v>
      </c>
      <c r="AC56" s="1">
        <v>0</v>
      </c>
      <c r="AD56" s="1">
        <v>0</v>
      </c>
      <c r="AE56" s="1">
        <v>0</v>
      </c>
      <c r="AF56" s="1">
        <v>0</v>
      </c>
      <c r="AG56" s="1">
        <v>12586</v>
      </c>
      <c r="AH56" s="1">
        <v>11706</v>
      </c>
      <c r="AI56" s="1">
        <v>2900</v>
      </c>
      <c r="AJ56" s="1">
        <v>0</v>
      </c>
      <c r="AK56" s="1">
        <v>0</v>
      </c>
      <c r="AL56" s="1">
        <v>0</v>
      </c>
      <c r="AM56" s="1">
        <v>0</v>
      </c>
      <c r="AN56" s="1">
        <v>0</v>
      </c>
      <c r="AO56" s="1">
        <v>0</v>
      </c>
      <c r="AP56" s="1">
        <v>67862</v>
      </c>
      <c r="AQ56" s="1">
        <v>0</v>
      </c>
      <c r="AR56" s="1">
        <v>0</v>
      </c>
      <c r="AS56" s="1">
        <v>0</v>
      </c>
      <c r="AT56" s="1">
        <v>0</v>
      </c>
      <c r="AU56" s="1">
        <v>0</v>
      </c>
      <c r="AV56" s="1">
        <v>0</v>
      </c>
      <c r="AW56" s="1">
        <v>0</v>
      </c>
      <c r="AX56" s="1">
        <v>0</v>
      </c>
      <c r="AY56" s="1">
        <v>0</v>
      </c>
      <c r="AZ56" s="1">
        <v>0</v>
      </c>
      <c r="BA56" s="1">
        <v>0</v>
      </c>
      <c r="BB56" s="1">
        <v>0</v>
      </c>
      <c r="BC56" s="1">
        <v>0</v>
      </c>
      <c r="BD56" s="1">
        <v>21712</v>
      </c>
      <c r="BE56" s="1">
        <v>0</v>
      </c>
      <c r="BF56" s="1">
        <v>9706</v>
      </c>
      <c r="BG56" s="1">
        <v>516153</v>
      </c>
      <c r="BH56" s="1">
        <v>93726</v>
      </c>
      <c r="BI56" s="1">
        <v>871407</v>
      </c>
      <c r="BJ56" s="1">
        <v>0</v>
      </c>
      <c r="BK56" s="1">
        <v>0</v>
      </c>
      <c r="BL56" s="1">
        <v>0</v>
      </c>
      <c r="BM56" s="1">
        <v>0</v>
      </c>
      <c r="BN56" s="1">
        <v>0</v>
      </c>
      <c r="BO56" s="1">
        <v>0</v>
      </c>
      <c r="BP56" s="1">
        <v>0</v>
      </c>
      <c r="BQ56" s="1">
        <v>0</v>
      </c>
      <c r="BR56" s="1">
        <v>0</v>
      </c>
      <c r="BS56" s="1">
        <v>0</v>
      </c>
      <c r="BT56" s="1">
        <v>0</v>
      </c>
      <c r="BU56" s="1">
        <v>0</v>
      </c>
      <c r="BV56" s="3">
        <v>0</v>
      </c>
      <c r="BW56" s="1">
        <v>0</v>
      </c>
      <c r="BX56" s="1">
        <v>0</v>
      </c>
      <c r="BY56" s="1">
        <v>65943</v>
      </c>
      <c r="BZ56" s="1">
        <v>1995</v>
      </c>
      <c r="CA56" s="1">
        <v>0</v>
      </c>
      <c r="CB56" s="1">
        <v>0</v>
      </c>
      <c r="CC56" s="1">
        <v>0</v>
      </c>
      <c r="CD56" s="1">
        <v>7615</v>
      </c>
      <c r="CE56" s="1">
        <v>0</v>
      </c>
      <c r="CF56" s="1">
        <v>0</v>
      </c>
      <c r="CG56" s="1">
        <v>0</v>
      </c>
      <c r="CH56" s="1">
        <v>0</v>
      </c>
      <c r="CI56" s="1">
        <v>0</v>
      </c>
      <c r="CJ56" s="1">
        <v>0</v>
      </c>
      <c r="CK56" s="1">
        <v>0</v>
      </c>
      <c r="CL56" s="1">
        <v>0</v>
      </c>
      <c r="CM56" s="1">
        <v>0</v>
      </c>
      <c r="CN56" s="1">
        <v>0</v>
      </c>
      <c r="CO56" s="1">
        <v>0</v>
      </c>
      <c r="CP56" s="1">
        <v>0</v>
      </c>
      <c r="CQ56" s="1">
        <v>0</v>
      </c>
      <c r="CR56" s="1">
        <v>0</v>
      </c>
      <c r="CS56" s="1">
        <v>0</v>
      </c>
      <c r="CT56" s="3">
        <v>75553</v>
      </c>
      <c r="CU56" s="1">
        <v>0</v>
      </c>
      <c r="CV56" s="1">
        <v>0</v>
      </c>
      <c r="CW56" s="1">
        <v>0</v>
      </c>
      <c r="CX56" s="1">
        <v>0</v>
      </c>
      <c r="CY56" s="1">
        <v>0</v>
      </c>
      <c r="CZ56" s="1">
        <v>0</v>
      </c>
      <c r="DA56" s="1">
        <v>0</v>
      </c>
      <c r="DB56" s="1">
        <v>0</v>
      </c>
      <c r="DC56" s="1">
        <v>0</v>
      </c>
      <c r="DD56" s="1">
        <v>0</v>
      </c>
      <c r="DE56" s="1">
        <v>0</v>
      </c>
      <c r="DF56" s="1">
        <v>0</v>
      </c>
      <c r="DG56" s="3">
        <v>0</v>
      </c>
      <c r="DH56" s="3">
        <v>946960</v>
      </c>
    </row>
    <row r="57" spans="1:112" ht="10" customHeight="1">
      <c r="A57" s="141"/>
      <c r="B57" s="29"/>
      <c r="C57" s="29"/>
      <c r="D57" s="98" t="s">
        <v>203</v>
      </c>
      <c r="E57" s="90"/>
      <c r="F57" s="91"/>
      <c r="G57" s="1">
        <v>0</v>
      </c>
      <c r="H57" s="1">
        <v>0</v>
      </c>
      <c r="I57" s="1">
        <v>0</v>
      </c>
      <c r="J57" s="1">
        <v>0</v>
      </c>
      <c r="K57" s="1">
        <v>0</v>
      </c>
      <c r="L57" s="1">
        <v>0</v>
      </c>
      <c r="M57" s="1">
        <v>0</v>
      </c>
      <c r="N57" s="1">
        <v>0</v>
      </c>
      <c r="O57" s="1">
        <v>0</v>
      </c>
      <c r="P57" s="1">
        <v>0</v>
      </c>
      <c r="Q57" s="1">
        <v>0</v>
      </c>
      <c r="R57" s="1">
        <v>0</v>
      </c>
      <c r="S57" s="1">
        <v>0</v>
      </c>
      <c r="T57" s="1">
        <v>0</v>
      </c>
      <c r="U57" s="1">
        <v>0</v>
      </c>
      <c r="V57" s="1">
        <v>0</v>
      </c>
      <c r="W57" s="1">
        <v>0</v>
      </c>
      <c r="X57" s="1">
        <v>0</v>
      </c>
      <c r="Y57" s="1">
        <v>0</v>
      </c>
      <c r="Z57" s="1">
        <v>0</v>
      </c>
      <c r="AA57" s="1">
        <v>0</v>
      </c>
      <c r="AB57" s="1">
        <v>0</v>
      </c>
      <c r="AC57" s="1">
        <v>0</v>
      </c>
      <c r="AD57" s="1">
        <v>0</v>
      </c>
      <c r="AE57" s="1">
        <v>0</v>
      </c>
      <c r="AF57" s="1">
        <v>0</v>
      </c>
      <c r="AG57" s="1">
        <v>0</v>
      </c>
      <c r="AH57" s="1">
        <v>0</v>
      </c>
      <c r="AI57" s="1">
        <v>0</v>
      </c>
      <c r="AJ57" s="1">
        <v>0</v>
      </c>
      <c r="AK57" s="1">
        <v>0</v>
      </c>
      <c r="AL57" s="1">
        <v>0</v>
      </c>
      <c r="AM57" s="1">
        <v>0</v>
      </c>
      <c r="AN57" s="1">
        <v>0</v>
      </c>
      <c r="AO57" s="1">
        <v>0</v>
      </c>
      <c r="AP57" s="1">
        <v>0</v>
      </c>
      <c r="AQ57" s="1">
        <v>0</v>
      </c>
      <c r="AR57" s="1">
        <v>0</v>
      </c>
      <c r="AS57" s="1">
        <v>0</v>
      </c>
      <c r="AT57" s="1">
        <v>0</v>
      </c>
      <c r="AU57" s="1">
        <v>0</v>
      </c>
      <c r="AV57" s="1">
        <v>0</v>
      </c>
      <c r="AW57" s="1">
        <v>0</v>
      </c>
      <c r="AX57" s="1">
        <v>0</v>
      </c>
      <c r="AY57" s="1">
        <v>0</v>
      </c>
      <c r="AZ57" s="1">
        <v>0</v>
      </c>
      <c r="BA57" s="1">
        <v>0</v>
      </c>
      <c r="BB57" s="1">
        <v>0</v>
      </c>
      <c r="BC57" s="1">
        <v>0</v>
      </c>
      <c r="BD57" s="1">
        <v>0</v>
      </c>
      <c r="BE57" s="1">
        <v>0</v>
      </c>
      <c r="BF57" s="1">
        <v>0</v>
      </c>
      <c r="BG57" s="1">
        <v>0</v>
      </c>
      <c r="BH57" s="1">
        <v>0</v>
      </c>
      <c r="BI57" s="1">
        <v>0</v>
      </c>
      <c r="BJ57" s="1">
        <v>0</v>
      </c>
      <c r="BK57" s="1">
        <v>0</v>
      </c>
      <c r="BL57" s="1">
        <v>0</v>
      </c>
      <c r="BM57" s="1">
        <v>0</v>
      </c>
      <c r="BN57" s="1">
        <v>0</v>
      </c>
      <c r="BO57" s="1">
        <v>0</v>
      </c>
      <c r="BP57" s="1">
        <v>0</v>
      </c>
      <c r="BQ57" s="1">
        <v>0</v>
      </c>
      <c r="BR57" s="1">
        <v>0</v>
      </c>
      <c r="BS57" s="1">
        <v>0</v>
      </c>
      <c r="BT57" s="1">
        <v>0</v>
      </c>
      <c r="BU57" s="1">
        <v>0</v>
      </c>
      <c r="BV57" s="3">
        <v>0</v>
      </c>
      <c r="BW57" s="1">
        <v>0</v>
      </c>
      <c r="BX57" s="1">
        <v>0</v>
      </c>
      <c r="BY57" s="1">
        <v>0</v>
      </c>
      <c r="BZ57" s="1">
        <v>0</v>
      </c>
      <c r="CA57" s="1">
        <v>0</v>
      </c>
      <c r="CB57" s="1">
        <v>0</v>
      </c>
      <c r="CC57" s="1">
        <v>0</v>
      </c>
      <c r="CD57" s="1">
        <v>0</v>
      </c>
      <c r="CE57" s="1">
        <v>0</v>
      </c>
      <c r="CF57" s="1">
        <v>0</v>
      </c>
      <c r="CG57" s="1">
        <v>0</v>
      </c>
      <c r="CH57" s="1">
        <v>0</v>
      </c>
      <c r="CI57" s="1">
        <v>0</v>
      </c>
      <c r="CJ57" s="1">
        <v>0</v>
      </c>
      <c r="CK57" s="1">
        <v>0</v>
      </c>
      <c r="CL57" s="1">
        <v>0</v>
      </c>
      <c r="CM57" s="1">
        <v>0</v>
      </c>
      <c r="CN57" s="1">
        <v>0</v>
      </c>
      <c r="CO57" s="1">
        <v>0</v>
      </c>
      <c r="CP57" s="1">
        <v>0</v>
      </c>
      <c r="CQ57" s="1">
        <v>0</v>
      </c>
      <c r="CR57" s="1">
        <v>0</v>
      </c>
      <c r="CS57" s="1">
        <v>0</v>
      </c>
      <c r="CT57" s="3">
        <v>0</v>
      </c>
      <c r="CU57" s="1">
        <v>0</v>
      </c>
      <c r="CV57" s="1">
        <v>0</v>
      </c>
      <c r="CW57" s="1">
        <v>0</v>
      </c>
      <c r="CX57" s="1">
        <v>0</v>
      </c>
      <c r="CY57" s="1">
        <v>0</v>
      </c>
      <c r="CZ57" s="1">
        <v>0</v>
      </c>
      <c r="DA57" s="1">
        <v>0</v>
      </c>
      <c r="DB57" s="1">
        <v>0</v>
      </c>
      <c r="DC57" s="1">
        <v>0</v>
      </c>
      <c r="DD57" s="1">
        <v>0</v>
      </c>
      <c r="DE57" s="1">
        <v>0</v>
      </c>
      <c r="DF57" s="1">
        <v>0</v>
      </c>
      <c r="DG57" s="3">
        <v>0</v>
      </c>
      <c r="DH57" s="3">
        <v>0</v>
      </c>
    </row>
    <row r="58" spans="1:112" ht="10" customHeight="1">
      <c r="A58" s="141"/>
      <c r="B58" s="29"/>
      <c r="C58" s="30"/>
      <c r="D58" s="98" t="s">
        <v>174</v>
      </c>
      <c r="E58" s="90"/>
      <c r="F58" s="91"/>
      <c r="G58" s="1">
        <v>244920</v>
      </c>
      <c r="H58" s="1">
        <v>883989</v>
      </c>
      <c r="I58" s="1">
        <v>985703</v>
      </c>
      <c r="J58" s="1">
        <v>495273</v>
      </c>
      <c r="K58" s="1">
        <v>569067</v>
      </c>
      <c r="L58" s="1">
        <v>19119</v>
      </c>
      <c r="M58" s="1">
        <v>6387983</v>
      </c>
      <c r="N58" s="1">
        <v>1552805</v>
      </c>
      <c r="O58" s="1">
        <v>6655</v>
      </c>
      <c r="P58" s="1">
        <v>7219</v>
      </c>
      <c r="Q58" s="1">
        <v>2573383</v>
      </c>
      <c r="R58" s="1">
        <v>2999</v>
      </c>
      <c r="S58" s="1">
        <v>8094</v>
      </c>
      <c r="T58" s="1">
        <v>0</v>
      </c>
      <c r="U58" s="1">
        <v>0</v>
      </c>
      <c r="V58" s="1">
        <v>770412</v>
      </c>
      <c r="W58" s="1">
        <v>554646</v>
      </c>
      <c r="X58" s="1">
        <v>53421</v>
      </c>
      <c r="Y58" s="1">
        <v>1965168</v>
      </c>
      <c r="Z58" s="1">
        <v>0</v>
      </c>
      <c r="AA58" s="1">
        <v>291413</v>
      </c>
      <c r="AB58" s="1">
        <v>25895</v>
      </c>
      <c r="AC58" s="1">
        <v>628344</v>
      </c>
      <c r="AD58" s="1">
        <v>555306</v>
      </c>
      <c r="AE58" s="1">
        <v>1448298</v>
      </c>
      <c r="AF58" s="1">
        <v>37449</v>
      </c>
      <c r="AG58" s="1">
        <v>134368</v>
      </c>
      <c r="AH58" s="1">
        <v>1771556</v>
      </c>
      <c r="AI58" s="1">
        <v>251313</v>
      </c>
      <c r="AJ58" s="1">
        <v>709469</v>
      </c>
      <c r="AK58" s="1">
        <v>0</v>
      </c>
      <c r="AL58" s="1">
        <v>4925</v>
      </c>
      <c r="AM58" s="1">
        <v>21942</v>
      </c>
      <c r="AN58" s="1">
        <v>429172</v>
      </c>
      <c r="AO58" s="1">
        <v>439339</v>
      </c>
      <c r="AP58" s="1">
        <v>1472757</v>
      </c>
      <c r="AQ58" s="1">
        <v>422662</v>
      </c>
      <c r="AR58" s="1">
        <v>433515</v>
      </c>
      <c r="AS58" s="1">
        <v>30216</v>
      </c>
      <c r="AT58" s="1">
        <v>129341</v>
      </c>
      <c r="AU58" s="1">
        <v>35897</v>
      </c>
      <c r="AV58" s="1">
        <v>0</v>
      </c>
      <c r="AW58" s="1">
        <v>0</v>
      </c>
      <c r="AX58" s="1">
        <v>0</v>
      </c>
      <c r="AY58" s="1">
        <v>0</v>
      </c>
      <c r="AZ58" s="1">
        <v>0</v>
      </c>
      <c r="BA58" s="1">
        <v>19989</v>
      </c>
      <c r="BB58" s="1">
        <v>0</v>
      </c>
      <c r="BC58" s="1">
        <v>653</v>
      </c>
      <c r="BD58" s="1">
        <v>1312223</v>
      </c>
      <c r="BE58" s="1">
        <v>0</v>
      </c>
      <c r="BF58" s="1">
        <v>3480</v>
      </c>
      <c r="BG58" s="1">
        <v>2425294</v>
      </c>
      <c r="BH58" s="1">
        <v>87190</v>
      </c>
      <c r="BI58" s="1">
        <v>30202862</v>
      </c>
      <c r="BJ58" s="1">
        <v>0</v>
      </c>
      <c r="BK58" s="1">
        <v>0</v>
      </c>
      <c r="BL58" s="1">
        <v>0</v>
      </c>
      <c r="BM58" s="1">
        <v>0</v>
      </c>
      <c r="BN58" s="1">
        <v>0</v>
      </c>
      <c r="BO58" s="1">
        <v>0</v>
      </c>
      <c r="BP58" s="1">
        <v>0</v>
      </c>
      <c r="BQ58" s="1">
        <v>29750</v>
      </c>
      <c r="BR58" s="1">
        <v>15639</v>
      </c>
      <c r="BS58" s="1">
        <v>0</v>
      </c>
      <c r="BT58" s="1">
        <v>0</v>
      </c>
      <c r="BU58" s="1">
        <v>0</v>
      </c>
      <c r="BV58" s="3">
        <v>45389</v>
      </c>
      <c r="BW58" s="1">
        <v>55674</v>
      </c>
      <c r="BX58" s="1">
        <v>12467</v>
      </c>
      <c r="BY58" s="1">
        <v>2232</v>
      </c>
      <c r="BZ58" s="1">
        <v>7334</v>
      </c>
      <c r="CA58" s="1">
        <v>0</v>
      </c>
      <c r="CB58" s="1">
        <v>98180</v>
      </c>
      <c r="CC58" s="1">
        <v>0</v>
      </c>
      <c r="CD58" s="1">
        <v>21149</v>
      </c>
      <c r="CE58" s="1">
        <v>19009</v>
      </c>
      <c r="CF58" s="1">
        <v>0</v>
      </c>
      <c r="CG58" s="1">
        <v>11762</v>
      </c>
      <c r="CH58" s="1">
        <v>46007</v>
      </c>
      <c r="CI58" s="1">
        <v>4158</v>
      </c>
      <c r="CJ58" s="1">
        <v>62206</v>
      </c>
      <c r="CK58" s="1">
        <v>11661</v>
      </c>
      <c r="CL58" s="1">
        <v>17600</v>
      </c>
      <c r="CM58" s="1">
        <v>0</v>
      </c>
      <c r="CN58" s="1">
        <v>0</v>
      </c>
      <c r="CO58" s="1">
        <v>53086</v>
      </c>
      <c r="CP58" s="1">
        <v>0</v>
      </c>
      <c r="CQ58" s="1">
        <v>6204</v>
      </c>
      <c r="CR58" s="1">
        <v>0</v>
      </c>
      <c r="CS58" s="1">
        <v>12173</v>
      </c>
      <c r="CT58" s="3">
        <v>440902</v>
      </c>
      <c r="CU58" s="1">
        <v>0</v>
      </c>
      <c r="CV58" s="1">
        <v>72</v>
      </c>
      <c r="CW58" s="1">
        <v>0</v>
      </c>
      <c r="CX58" s="1">
        <v>0</v>
      </c>
      <c r="CY58" s="1">
        <v>0</v>
      </c>
      <c r="CZ58" s="1">
        <v>0</v>
      </c>
      <c r="DA58" s="1">
        <v>0</v>
      </c>
      <c r="DB58" s="1">
        <v>0</v>
      </c>
      <c r="DC58" s="1">
        <v>0</v>
      </c>
      <c r="DD58" s="1">
        <v>14096</v>
      </c>
      <c r="DE58" s="1">
        <v>0</v>
      </c>
      <c r="DF58" s="1">
        <v>0</v>
      </c>
      <c r="DG58" s="3">
        <v>14168</v>
      </c>
      <c r="DH58" s="3">
        <v>30703321</v>
      </c>
    </row>
    <row r="59" spans="1:112" ht="10" customHeight="1">
      <c r="A59" s="141"/>
      <c r="B59" s="29"/>
      <c r="C59" s="114" t="s">
        <v>204</v>
      </c>
      <c r="D59" s="93"/>
      <c r="E59" s="93"/>
      <c r="F59" s="94"/>
      <c r="G59" s="1">
        <v>2469388</v>
      </c>
      <c r="H59" s="1">
        <v>1957169</v>
      </c>
      <c r="I59" s="1">
        <v>970657</v>
      </c>
      <c r="J59" s="1">
        <v>2974944</v>
      </c>
      <c r="K59" s="1">
        <v>154296</v>
      </c>
      <c r="L59" s="1">
        <v>469988</v>
      </c>
      <c r="M59" s="1">
        <v>296000</v>
      </c>
      <c r="N59" s="1">
        <v>317353</v>
      </c>
      <c r="O59" s="1">
        <v>331699</v>
      </c>
      <c r="P59" s="1">
        <v>703414</v>
      </c>
      <c r="Q59" s="1">
        <v>253066</v>
      </c>
      <c r="R59" s="1">
        <v>1650561</v>
      </c>
      <c r="S59" s="1">
        <v>1340106</v>
      </c>
      <c r="T59" s="1">
        <v>187508</v>
      </c>
      <c r="U59" s="1">
        <v>226239</v>
      </c>
      <c r="V59" s="1">
        <v>527164</v>
      </c>
      <c r="W59" s="1">
        <v>180224</v>
      </c>
      <c r="X59" s="1">
        <v>721306</v>
      </c>
      <c r="Y59" s="1">
        <v>1324931</v>
      </c>
      <c r="Z59" s="1">
        <v>158874</v>
      </c>
      <c r="AA59" s="1">
        <v>844304</v>
      </c>
      <c r="AB59" s="1">
        <v>305020</v>
      </c>
      <c r="AC59" s="1">
        <v>1438883</v>
      </c>
      <c r="AD59" s="1">
        <v>925987</v>
      </c>
      <c r="AE59" s="1">
        <v>78722</v>
      </c>
      <c r="AF59" s="1">
        <v>609636</v>
      </c>
      <c r="AG59" s="1">
        <v>124703</v>
      </c>
      <c r="AH59" s="1">
        <v>464193</v>
      </c>
      <c r="AI59" s="1">
        <v>269088</v>
      </c>
      <c r="AJ59" s="1">
        <v>941229</v>
      </c>
      <c r="AK59" s="1">
        <v>519624</v>
      </c>
      <c r="AL59" s="1">
        <v>1050145</v>
      </c>
      <c r="AM59" s="1">
        <v>162865</v>
      </c>
      <c r="AN59" s="1">
        <v>151113</v>
      </c>
      <c r="AO59" s="1">
        <v>627909</v>
      </c>
      <c r="AP59" s="1">
        <v>698867</v>
      </c>
      <c r="AQ59" s="1">
        <v>1681953</v>
      </c>
      <c r="AR59" s="1">
        <v>51126</v>
      </c>
      <c r="AS59" s="1">
        <v>141895</v>
      </c>
      <c r="AT59" s="1">
        <v>360103</v>
      </c>
      <c r="AU59" s="1">
        <v>39373</v>
      </c>
      <c r="AV59" s="1">
        <v>216148</v>
      </c>
      <c r="AW59" s="1">
        <v>116172</v>
      </c>
      <c r="AX59" s="1">
        <v>62452</v>
      </c>
      <c r="AY59" s="1">
        <v>513113</v>
      </c>
      <c r="AZ59" s="1">
        <v>11461</v>
      </c>
      <c r="BA59" s="1">
        <v>24824</v>
      </c>
      <c r="BB59" s="1">
        <v>48165</v>
      </c>
      <c r="BC59" s="1">
        <v>46394</v>
      </c>
      <c r="BD59" s="1">
        <v>168164</v>
      </c>
      <c r="BE59" s="1">
        <v>201616</v>
      </c>
      <c r="BF59" s="1">
        <v>44261</v>
      </c>
      <c r="BG59" s="1">
        <v>411357</v>
      </c>
      <c r="BH59" s="1">
        <v>226715</v>
      </c>
      <c r="BI59" s="1">
        <v>30792467</v>
      </c>
      <c r="BJ59" s="1">
        <v>-58</v>
      </c>
      <c r="BK59" s="1">
        <v>0</v>
      </c>
      <c r="BL59" s="1">
        <v>0</v>
      </c>
      <c r="BM59" s="1">
        <v>92693</v>
      </c>
      <c r="BN59" s="1">
        <v>201388</v>
      </c>
      <c r="BO59" s="1">
        <v>295869</v>
      </c>
      <c r="BP59" s="1">
        <v>8967</v>
      </c>
      <c r="BQ59" s="1">
        <v>29099</v>
      </c>
      <c r="BR59" s="1">
        <v>64214</v>
      </c>
      <c r="BS59" s="1">
        <v>965</v>
      </c>
      <c r="BT59" s="1">
        <v>22637</v>
      </c>
      <c r="BU59" s="1">
        <v>87826</v>
      </c>
      <c r="BV59" s="3">
        <v>803600</v>
      </c>
      <c r="BW59" s="1">
        <v>173289</v>
      </c>
      <c r="BX59" s="1">
        <v>10594</v>
      </c>
      <c r="BY59" s="1">
        <v>31604</v>
      </c>
      <c r="BZ59" s="1">
        <v>14922</v>
      </c>
      <c r="CA59" s="1">
        <v>14268</v>
      </c>
      <c r="CB59" s="1">
        <v>282802</v>
      </c>
      <c r="CC59" s="1">
        <v>57486</v>
      </c>
      <c r="CD59" s="1">
        <v>117860</v>
      </c>
      <c r="CE59" s="1">
        <v>3700</v>
      </c>
      <c r="CF59" s="1">
        <v>17631</v>
      </c>
      <c r="CG59" s="1">
        <v>-22043</v>
      </c>
      <c r="CH59" s="1">
        <v>1205</v>
      </c>
      <c r="CI59" s="1">
        <v>2036</v>
      </c>
      <c r="CJ59" s="1">
        <v>-270</v>
      </c>
      <c r="CK59" s="1">
        <v>25859</v>
      </c>
      <c r="CL59" s="1">
        <v>38717</v>
      </c>
      <c r="CM59" s="1">
        <v>-305112</v>
      </c>
      <c r="CN59" s="1">
        <v>42403</v>
      </c>
      <c r="CO59" s="1">
        <v>75732</v>
      </c>
      <c r="CP59" s="1">
        <v>-1945</v>
      </c>
      <c r="CQ59" s="1">
        <v>-17550</v>
      </c>
      <c r="CR59" s="1">
        <v>22243</v>
      </c>
      <c r="CS59" s="1">
        <v>128</v>
      </c>
      <c r="CT59" s="3">
        <v>585559</v>
      </c>
      <c r="CU59" s="1">
        <v>599</v>
      </c>
      <c r="CV59" s="1">
        <v>8477</v>
      </c>
      <c r="CW59" s="1">
        <v>-39833</v>
      </c>
      <c r="CX59" s="1">
        <v>6018</v>
      </c>
      <c r="CY59" s="1">
        <v>-5825</v>
      </c>
      <c r="CZ59" s="1">
        <v>16796</v>
      </c>
      <c r="DA59" s="1">
        <v>884</v>
      </c>
      <c r="DB59" s="1">
        <v>-2273</v>
      </c>
      <c r="DC59" s="1">
        <v>-44981</v>
      </c>
      <c r="DD59" s="1">
        <v>-415</v>
      </c>
      <c r="DE59" s="1">
        <v>-5036</v>
      </c>
      <c r="DF59" s="1">
        <v>13507</v>
      </c>
      <c r="DG59" s="3">
        <v>-52082</v>
      </c>
      <c r="DH59" s="3">
        <v>32129544</v>
      </c>
    </row>
    <row r="60" spans="1:112" ht="10" customHeight="1">
      <c r="A60" s="141"/>
      <c r="B60" s="29"/>
      <c r="C60" s="29"/>
      <c r="D60" s="98" t="s">
        <v>205</v>
      </c>
      <c r="E60" s="90"/>
      <c r="F60" s="91"/>
      <c r="G60" s="1">
        <v>0</v>
      </c>
      <c r="H60" s="1">
        <v>934287</v>
      </c>
      <c r="I60" s="1">
        <v>0</v>
      </c>
      <c r="J60" s="1">
        <v>0</v>
      </c>
      <c r="K60" s="1">
        <v>0</v>
      </c>
      <c r="L60" s="1">
        <v>143692</v>
      </c>
      <c r="M60" s="1">
        <v>0</v>
      </c>
      <c r="N60" s="1">
        <v>0</v>
      </c>
      <c r="O60" s="1">
        <v>217540</v>
      </c>
      <c r="P60" s="1">
        <v>482068</v>
      </c>
      <c r="Q60" s="1">
        <v>167069</v>
      </c>
      <c r="R60" s="1">
        <v>0</v>
      </c>
      <c r="S60" s="1">
        <v>423860</v>
      </c>
      <c r="T60" s="1">
        <v>0</v>
      </c>
      <c r="U60" s="1">
        <v>132249</v>
      </c>
      <c r="V60" s="1">
        <v>101888</v>
      </c>
      <c r="W60" s="1">
        <v>0</v>
      </c>
      <c r="X60" s="1">
        <v>0</v>
      </c>
      <c r="Y60" s="1">
        <v>0</v>
      </c>
      <c r="Z60" s="1">
        <v>7000</v>
      </c>
      <c r="AA60" s="1">
        <v>330194</v>
      </c>
      <c r="AB60" s="1">
        <v>0</v>
      </c>
      <c r="AC60" s="1">
        <v>524586</v>
      </c>
      <c r="AD60" s="1">
        <v>443694</v>
      </c>
      <c r="AE60" s="1">
        <v>0</v>
      </c>
      <c r="AF60" s="1">
        <v>0</v>
      </c>
      <c r="AG60" s="1">
        <v>17728</v>
      </c>
      <c r="AH60" s="1">
        <v>0</v>
      </c>
      <c r="AI60" s="1">
        <v>103169</v>
      </c>
      <c r="AJ60" s="1">
        <v>352312</v>
      </c>
      <c r="AK60" s="1">
        <v>0</v>
      </c>
      <c r="AL60" s="1">
        <v>545126</v>
      </c>
      <c r="AM60" s="1">
        <v>109382</v>
      </c>
      <c r="AN60" s="1">
        <v>70000</v>
      </c>
      <c r="AO60" s="1">
        <v>313771</v>
      </c>
      <c r="AP60" s="1">
        <v>0</v>
      </c>
      <c r="AQ60" s="1">
        <v>108718</v>
      </c>
      <c r="AR60" s="1">
        <v>0</v>
      </c>
      <c r="AS60" s="1">
        <v>0</v>
      </c>
      <c r="AT60" s="1">
        <v>91738</v>
      </c>
      <c r="AU60" s="1">
        <v>10000</v>
      </c>
      <c r="AV60" s="1">
        <v>13698</v>
      </c>
      <c r="AW60" s="1">
        <v>0</v>
      </c>
      <c r="AX60" s="1">
        <v>0</v>
      </c>
      <c r="AY60" s="1">
        <v>0</v>
      </c>
      <c r="AZ60" s="1">
        <v>0</v>
      </c>
      <c r="BA60" s="1">
        <v>13032</v>
      </c>
      <c r="BB60" s="1">
        <v>40000</v>
      </c>
      <c r="BC60" s="1">
        <v>0</v>
      </c>
      <c r="BD60" s="1">
        <v>0</v>
      </c>
      <c r="BE60" s="1">
        <v>0</v>
      </c>
      <c r="BF60" s="1">
        <v>0</v>
      </c>
      <c r="BG60" s="1">
        <v>0</v>
      </c>
      <c r="BH60" s="1">
        <v>97650</v>
      </c>
      <c r="BI60" s="1">
        <v>5794451</v>
      </c>
      <c r="BJ60" s="1">
        <v>0</v>
      </c>
      <c r="BK60" s="1">
        <v>0</v>
      </c>
      <c r="BL60" s="1">
        <v>0</v>
      </c>
      <c r="BM60" s="1">
        <v>0</v>
      </c>
      <c r="BN60" s="1">
        <v>0</v>
      </c>
      <c r="BO60" s="1">
        <v>48262</v>
      </c>
      <c r="BP60" s="1">
        <v>0</v>
      </c>
      <c r="BQ60" s="1">
        <v>10000</v>
      </c>
      <c r="BR60" s="1">
        <v>28163</v>
      </c>
      <c r="BS60" s="1">
        <v>0</v>
      </c>
      <c r="BT60" s="1">
        <v>0</v>
      </c>
      <c r="BU60" s="1">
        <v>0</v>
      </c>
      <c r="BV60" s="3">
        <v>86425</v>
      </c>
      <c r="BW60" s="1">
        <v>0</v>
      </c>
      <c r="BX60" s="1">
        <v>0</v>
      </c>
      <c r="BY60" s="1">
        <v>0</v>
      </c>
      <c r="BZ60" s="1">
        <v>0</v>
      </c>
      <c r="CA60" s="1">
        <v>0</v>
      </c>
      <c r="CB60" s="1">
        <v>68112</v>
      </c>
      <c r="CC60" s="1">
        <v>0</v>
      </c>
      <c r="CD60" s="1">
        <v>33072</v>
      </c>
      <c r="CE60" s="1">
        <v>0</v>
      </c>
      <c r="CF60" s="1">
        <v>794</v>
      </c>
      <c r="CG60" s="1">
        <v>0</v>
      </c>
      <c r="CH60" s="1">
        <v>0</v>
      </c>
      <c r="CI60" s="1">
        <v>0</v>
      </c>
      <c r="CJ60" s="1">
        <v>0</v>
      </c>
      <c r="CK60" s="1">
        <v>0</v>
      </c>
      <c r="CL60" s="1">
        <v>0</v>
      </c>
      <c r="CM60" s="1">
        <v>0</v>
      </c>
      <c r="CN60" s="1">
        <v>0</v>
      </c>
      <c r="CO60" s="1">
        <v>0</v>
      </c>
      <c r="CP60" s="1">
        <v>0</v>
      </c>
      <c r="CQ60" s="1">
        <v>0</v>
      </c>
      <c r="CR60" s="1">
        <v>0</v>
      </c>
      <c r="CS60" s="1">
        <v>0</v>
      </c>
      <c r="CT60" s="3">
        <v>101978</v>
      </c>
      <c r="CU60" s="1">
        <v>0</v>
      </c>
      <c r="CV60" s="1">
        <v>0</v>
      </c>
      <c r="CW60" s="1">
        <v>0</v>
      </c>
      <c r="CX60" s="1">
        <v>0</v>
      </c>
      <c r="CY60" s="1">
        <v>0</v>
      </c>
      <c r="CZ60" s="1">
        <v>0</v>
      </c>
      <c r="DA60" s="1">
        <v>0</v>
      </c>
      <c r="DB60" s="1">
        <v>0</v>
      </c>
      <c r="DC60" s="1">
        <v>0</v>
      </c>
      <c r="DD60" s="1">
        <v>0</v>
      </c>
      <c r="DE60" s="1">
        <v>0</v>
      </c>
      <c r="DF60" s="1">
        <v>0</v>
      </c>
      <c r="DG60" s="3">
        <v>0</v>
      </c>
      <c r="DH60" s="3">
        <v>5982854</v>
      </c>
    </row>
    <row r="61" spans="1:112" ht="10" customHeight="1">
      <c r="A61" s="141"/>
      <c r="B61" s="29"/>
      <c r="C61" s="29"/>
      <c r="D61" s="98" t="s">
        <v>206</v>
      </c>
      <c r="E61" s="90"/>
      <c r="F61" s="91"/>
      <c r="G61" s="1">
        <v>0</v>
      </c>
      <c r="H61" s="1">
        <v>0</v>
      </c>
      <c r="I61" s="1">
        <v>0</v>
      </c>
      <c r="J61" s="1">
        <v>0</v>
      </c>
      <c r="K61" s="1">
        <v>0</v>
      </c>
      <c r="L61" s="1">
        <v>0</v>
      </c>
      <c r="M61" s="1">
        <v>0</v>
      </c>
      <c r="N61" s="1">
        <v>0</v>
      </c>
      <c r="O61" s="1">
        <v>0</v>
      </c>
      <c r="P61" s="1">
        <v>0</v>
      </c>
      <c r="Q61" s="1">
        <v>0</v>
      </c>
      <c r="R61" s="1">
        <v>0</v>
      </c>
      <c r="S61" s="1">
        <v>200000</v>
      </c>
      <c r="T61" s="1">
        <v>0</v>
      </c>
      <c r="U61" s="1">
        <v>0</v>
      </c>
      <c r="V61" s="1">
        <v>0</v>
      </c>
      <c r="W61" s="1">
        <v>0</v>
      </c>
      <c r="X61" s="1">
        <v>0</v>
      </c>
      <c r="Y61" s="1">
        <v>0</v>
      </c>
      <c r="Z61" s="1">
        <v>0</v>
      </c>
      <c r="AA61" s="1">
        <v>29925</v>
      </c>
      <c r="AB61" s="1">
        <v>0</v>
      </c>
      <c r="AC61" s="1">
        <v>132127</v>
      </c>
      <c r="AD61" s="1">
        <v>0</v>
      </c>
      <c r="AE61" s="1">
        <v>0</v>
      </c>
      <c r="AF61" s="1">
        <v>0</v>
      </c>
      <c r="AG61" s="1">
        <v>0</v>
      </c>
      <c r="AH61" s="1">
        <v>0</v>
      </c>
      <c r="AI61" s="1">
        <v>0</v>
      </c>
      <c r="AJ61" s="1">
        <v>0</v>
      </c>
      <c r="AK61" s="1">
        <v>0</v>
      </c>
      <c r="AL61" s="1">
        <v>0</v>
      </c>
      <c r="AM61" s="1">
        <v>0</v>
      </c>
      <c r="AN61" s="1">
        <v>0</v>
      </c>
      <c r="AO61" s="1">
        <v>0</v>
      </c>
      <c r="AP61" s="1">
        <v>0</v>
      </c>
      <c r="AQ61" s="1">
        <v>0</v>
      </c>
      <c r="AR61" s="1">
        <v>0</v>
      </c>
      <c r="AS61" s="1">
        <v>0</v>
      </c>
      <c r="AT61" s="1">
        <v>55738</v>
      </c>
      <c r="AU61" s="1">
        <v>0</v>
      </c>
      <c r="AV61" s="1">
        <v>0</v>
      </c>
      <c r="AW61" s="1">
        <v>0</v>
      </c>
      <c r="AX61" s="1">
        <v>0</v>
      </c>
      <c r="AY61" s="1">
        <v>0</v>
      </c>
      <c r="AZ61" s="1">
        <v>0</v>
      </c>
      <c r="BA61" s="1">
        <v>0</v>
      </c>
      <c r="BB61" s="1">
        <v>0</v>
      </c>
      <c r="BC61" s="1">
        <v>0</v>
      </c>
      <c r="BD61" s="1">
        <v>0</v>
      </c>
      <c r="BE61" s="1">
        <v>0</v>
      </c>
      <c r="BF61" s="1">
        <v>0</v>
      </c>
      <c r="BG61" s="1">
        <v>0</v>
      </c>
      <c r="BH61" s="1">
        <v>0</v>
      </c>
      <c r="BI61" s="1">
        <v>417790</v>
      </c>
      <c r="BJ61" s="1">
        <v>0</v>
      </c>
      <c r="BK61" s="1">
        <v>0</v>
      </c>
      <c r="BL61" s="1">
        <v>0</v>
      </c>
      <c r="BM61" s="1">
        <v>0</v>
      </c>
      <c r="BN61" s="1">
        <v>0</v>
      </c>
      <c r="BO61" s="1">
        <v>44262</v>
      </c>
      <c r="BP61" s="1">
        <v>0</v>
      </c>
      <c r="BQ61" s="1">
        <v>0</v>
      </c>
      <c r="BR61" s="1">
        <v>0</v>
      </c>
      <c r="BS61" s="1">
        <v>0</v>
      </c>
      <c r="BT61" s="1">
        <v>0</v>
      </c>
      <c r="BU61" s="1">
        <v>0</v>
      </c>
      <c r="BV61" s="3">
        <v>44262</v>
      </c>
      <c r="BW61" s="1">
        <v>0</v>
      </c>
      <c r="BX61" s="1">
        <v>0</v>
      </c>
      <c r="BY61" s="1">
        <v>0</v>
      </c>
      <c r="BZ61" s="1">
        <v>0</v>
      </c>
      <c r="CA61" s="1">
        <v>0</v>
      </c>
      <c r="CB61" s="1">
        <v>0</v>
      </c>
      <c r="CC61" s="1">
        <v>0</v>
      </c>
      <c r="CD61" s="1">
        <v>0</v>
      </c>
      <c r="CE61" s="1">
        <v>0</v>
      </c>
      <c r="CF61" s="1">
        <v>0</v>
      </c>
      <c r="CG61" s="1">
        <v>0</v>
      </c>
      <c r="CH61" s="1">
        <v>0</v>
      </c>
      <c r="CI61" s="1">
        <v>0</v>
      </c>
      <c r="CJ61" s="1">
        <v>0</v>
      </c>
      <c r="CK61" s="1">
        <v>0</v>
      </c>
      <c r="CL61" s="1">
        <v>0</v>
      </c>
      <c r="CM61" s="1">
        <v>0</v>
      </c>
      <c r="CN61" s="1">
        <v>0</v>
      </c>
      <c r="CO61" s="1">
        <v>0</v>
      </c>
      <c r="CP61" s="1">
        <v>0</v>
      </c>
      <c r="CQ61" s="1">
        <v>0</v>
      </c>
      <c r="CR61" s="1">
        <v>0</v>
      </c>
      <c r="CS61" s="1">
        <v>0</v>
      </c>
      <c r="CT61" s="3">
        <v>0</v>
      </c>
      <c r="CU61" s="1">
        <v>0</v>
      </c>
      <c r="CV61" s="1">
        <v>0</v>
      </c>
      <c r="CW61" s="1">
        <v>0</v>
      </c>
      <c r="CX61" s="1">
        <v>0</v>
      </c>
      <c r="CY61" s="1">
        <v>0</v>
      </c>
      <c r="CZ61" s="1">
        <v>0</v>
      </c>
      <c r="DA61" s="1">
        <v>0</v>
      </c>
      <c r="DB61" s="1">
        <v>0</v>
      </c>
      <c r="DC61" s="1">
        <v>0</v>
      </c>
      <c r="DD61" s="1">
        <v>0</v>
      </c>
      <c r="DE61" s="1">
        <v>0</v>
      </c>
      <c r="DF61" s="1">
        <v>0</v>
      </c>
      <c r="DG61" s="3">
        <v>0</v>
      </c>
      <c r="DH61" s="3">
        <v>462052</v>
      </c>
    </row>
    <row r="62" spans="1:112" ht="10" customHeight="1">
      <c r="A62" s="141"/>
      <c r="B62" s="29"/>
      <c r="C62" s="29"/>
      <c r="D62" s="98" t="s">
        <v>207</v>
      </c>
      <c r="E62" s="90"/>
      <c r="F62" s="91"/>
      <c r="G62" s="1">
        <v>0</v>
      </c>
      <c r="H62" s="1">
        <v>300000</v>
      </c>
      <c r="I62" s="1">
        <v>0</v>
      </c>
      <c r="J62" s="1">
        <v>0</v>
      </c>
      <c r="K62" s="1">
        <v>0</v>
      </c>
      <c r="L62" s="1">
        <v>0</v>
      </c>
      <c r="M62" s="1">
        <v>0</v>
      </c>
      <c r="N62" s="1">
        <v>0</v>
      </c>
      <c r="O62" s="1">
        <v>0</v>
      </c>
      <c r="P62" s="1">
        <v>30000</v>
      </c>
      <c r="Q62" s="1">
        <v>0</v>
      </c>
      <c r="R62" s="1">
        <v>0</v>
      </c>
      <c r="S62" s="1">
        <v>0</v>
      </c>
      <c r="T62" s="1">
        <v>0</v>
      </c>
      <c r="U62" s="1">
        <v>0</v>
      </c>
      <c r="V62" s="1">
        <v>328300</v>
      </c>
      <c r="W62" s="1">
        <v>0</v>
      </c>
      <c r="X62" s="1">
        <v>0</v>
      </c>
      <c r="Y62" s="1">
        <v>0</v>
      </c>
      <c r="Z62" s="1">
        <v>0</v>
      </c>
      <c r="AA62" s="1">
        <v>431438</v>
      </c>
      <c r="AB62" s="1">
        <v>0</v>
      </c>
      <c r="AC62" s="1">
        <v>524586</v>
      </c>
      <c r="AD62" s="1">
        <v>0</v>
      </c>
      <c r="AE62" s="1">
        <v>0</v>
      </c>
      <c r="AF62" s="1">
        <v>0</v>
      </c>
      <c r="AG62" s="1">
        <v>0</v>
      </c>
      <c r="AH62" s="1">
        <v>0</v>
      </c>
      <c r="AI62" s="1">
        <v>0</v>
      </c>
      <c r="AJ62" s="1">
        <v>0</v>
      </c>
      <c r="AK62" s="1">
        <v>0</v>
      </c>
      <c r="AL62" s="1">
        <v>0</v>
      </c>
      <c r="AM62" s="1">
        <v>9340</v>
      </c>
      <c r="AN62" s="1">
        <v>0</v>
      </c>
      <c r="AO62" s="1">
        <v>0</v>
      </c>
      <c r="AP62" s="1">
        <v>0</v>
      </c>
      <c r="AQ62" s="1">
        <v>0</v>
      </c>
      <c r="AR62" s="1">
        <v>0</v>
      </c>
      <c r="AS62" s="1">
        <v>0</v>
      </c>
      <c r="AT62" s="1">
        <v>116206</v>
      </c>
      <c r="AU62" s="1">
        <v>10000</v>
      </c>
      <c r="AV62" s="1">
        <v>55727</v>
      </c>
      <c r="AW62" s="1">
        <v>0</v>
      </c>
      <c r="AX62" s="1">
        <v>0</v>
      </c>
      <c r="AY62" s="1">
        <v>0</v>
      </c>
      <c r="AZ62" s="1">
        <v>15613</v>
      </c>
      <c r="BA62" s="1">
        <v>0</v>
      </c>
      <c r="BB62" s="1">
        <v>0</v>
      </c>
      <c r="BC62" s="1">
        <v>0</v>
      </c>
      <c r="BD62" s="1">
        <v>0</v>
      </c>
      <c r="BE62" s="1">
        <v>0</v>
      </c>
      <c r="BF62" s="1">
        <v>0</v>
      </c>
      <c r="BG62" s="1">
        <v>0</v>
      </c>
      <c r="BH62" s="1">
        <v>0</v>
      </c>
      <c r="BI62" s="1">
        <v>1821210</v>
      </c>
      <c r="BJ62" s="1">
        <v>0</v>
      </c>
      <c r="BK62" s="1">
        <v>0</v>
      </c>
      <c r="BL62" s="1">
        <v>0</v>
      </c>
      <c r="BM62" s="1">
        <v>0</v>
      </c>
      <c r="BN62" s="1">
        <v>186743</v>
      </c>
      <c r="BO62" s="1">
        <v>137550</v>
      </c>
      <c r="BP62" s="1">
        <v>0</v>
      </c>
      <c r="BQ62" s="1">
        <v>0</v>
      </c>
      <c r="BR62" s="1">
        <v>0</v>
      </c>
      <c r="BS62" s="1">
        <v>0</v>
      </c>
      <c r="BT62" s="1">
        <v>0</v>
      </c>
      <c r="BU62" s="1">
        <v>0</v>
      </c>
      <c r="BV62" s="3">
        <v>324293</v>
      </c>
      <c r="BW62" s="1">
        <v>0</v>
      </c>
      <c r="BX62" s="1">
        <v>0</v>
      </c>
      <c r="BY62" s="1">
        <v>0</v>
      </c>
      <c r="BZ62" s="1">
        <v>0</v>
      </c>
      <c r="CA62" s="1">
        <v>0</v>
      </c>
      <c r="CB62" s="1">
        <v>131700</v>
      </c>
      <c r="CC62" s="1">
        <v>0</v>
      </c>
      <c r="CD62" s="1">
        <v>61813</v>
      </c>
      <c r="CE62" s="1">
        <v>0</v>
      </c>
      <c r="CF62" s="1">
        <v>0</v>
      </c>
      <c r="CG62" s="1">
        <v>0</v>
      </c>
      <c r="CH62" s="1">
        <v>0</v>
      </c>
      <c r="CI62" s="1">
        <v>0</v>
      </c>
      <c r="CJ62" s="1">
        <v>0</v>
      </c>
      <c r="CK62" s="1">
        <v>0</v>
      </c>
      <c r="CL62" s="1">
        <v>0</v>
      </c>
      <c r="CM62" s="1">
        <v>0</v>
      </c>
      <c r="CN62" s="1">
        <v>22520</v>
      </c>
      <c r="CO62" s="1">
        <v>40510</v>
      </c>
      <c r="CP62" s="1">
        <v>0</v>
      </c>
      <c r="CQ62" s="1">
        <v>0</v>
      </c>
      <c r="CR62" s="1">
        <v>0</v>
      </c>
      <c r="CS62" s="1">
        <v>0</v>
      </c>
      <c r="CT62" s="3">
        <v>256543</v>
      </c>
      <c r="CU62" s="1">
        <v>0</v>
      </c>
      <c r="CV62" s="1">
        <v>0</v>
      </c>
      <c r="CW62" s="1">
        <v>0</v>
      </c>
      <c r="CX62" s="1">
        <v>0</v>
      </c>
      <c r="CY62" s="1">
        <v>0</v>
      </c>
      <c r="CZ62" s="1">
        <v>8421</v>
      </c>
      <c r="DA62" s="1">
        <v>0</v>
      </c>
      <c r="DB62" s="1">
        <v>0</v>
      </c>
      <c r="DC62" s="1">
        <v>0</v>
      </c>
      <c r="DD62" s="1">
        <v>0</v>
      </c>
      <c r="DE62" s="1">
        <v>0</v>
      </c>
      <c r="DF62" s="1">
        <v>0</v>
      </c>
      <c r="DG62" s="3">
        <v>8421</v>
      </c>
      <c r="DH62" s="3">
        <v>2410467</v>
      </c>
    </row>
    <row r="63" spans="1:112" ht="10" customHeight="1">
      <c r="A63" s="141"/>
      <c r="B63" s="29"/>
      <c r="C63" s="29"/>
      <c r="D63" s="98" t="s">
        <v>208</v>
      </c>
      <c r="E63" s="90"/>
      <c r="F63" s="91"/>
      <c r="G63" s="1">
        <v>0</v>
      </c>
      <c r="H63" s="1">
        <v>0</v>
      </c>
      <c r="I63" s="1">
        <v>0</v>
      </c>
      <c r="J63" s="1">
        <v>0</v>
      </c>
      <c r="K63" s="1">
        <v>0</v>
      </c>
      <c r="L63" s="1">
        <v>0</v>
      </c>
      <c r="M63" s="1">
        <v>0</v>
      </c>
      <c r="N63" s="1">
        <v>0</v>
      </c>
      <c r="O63" s="1">
        <v>0</v>
      </c>
      <c r="P63" s="1">
        <v>0</v>
      </c>
      <c r="Q63" s="1">
        <v>0</v>
      </c>
      <c r="R63" s="1">
        <v>0</v>
      </c>
      <c r="S63" s="1">
        <v>0</v>
      </c>
      <c r="T63" s="1">
        <v>117814</v>
      </c>
      <c r="U63" s="1">
        <v>0</v>
      </c>
      <c r="V63" s="1">
        <v>0</v>
      </c>
      <c r="W63" s="1">
        <v>0</v>
      </c>
      <c r="X63" s="1">
        <v>0</v>
      </c>
      <c r="Y63" s="1">
        <v>0</v>
      </c>
      <c r="Z63" s="1">
        <v>0</v>
      </c>
      <c r="AA63" s="1">
        <v>0</v>
      </c>
      <c r="AB63" s="1">
        <v>0</v>
      </c>
      <c r="AC63" s="1">
        <v>0</v>
      </c>
      <c r="AD63" s="1">
        <v>0</v>
      </c>
      <c r="AE63" s="1">
        <v>0</v>
      </c>
      <c r="AF63" s="1">
        <v>0</v>
      </c>
      <c r="AG63" s="1">
        <v>0</v>
      </c>
      <c r="AH63" s="1">
        <v>0</v>
      </c>
      <c r="AI63" s="1">
        <v>0</v>
      </c>
      <c r="AJ63" s="1">
        <v>0</v>
      </c>
      <c r="AK63" s="1">
        <v>0</v>
      </c>
      <c r="AL63" s="1">
        <v>0</v>
      </c>
      <c r="AM63" s="1">
        <v>0</v>
      </c>
      <c r="AN63" s="1">
        <v>0</v>
      </c>
      <c r="AO63" s="1">
        <v>0</v>
      </c>
      <c r="AP63" s="1">
        <v>0</v>
      </c>
      <c r="AQ63" s="1">
        <v>0</v>
      </c>
      <c r="AR63" s="1">
        <v>0</v>
      </c>
      <c r="AS63" s="1">
        <v>0</v>
      </c>
      <c r="AT63" s="1">
        <v>0</v>
      </c>
      <c r="AU63" s="1">
        <v>0</v>
      </c>
      <c r="AV63" s="1">
        <v>0</v>
      </c>
      <c r="AW63" s="1">
        <v>0</v>
      </c>
      <c r="AX63" s="1">
        <v>0</v>
      </c>
      <c r="AY63" s="1">
        <v>0</v>
      </c>
      <c r="AZ63" s="1">
        <v>0</v>
      </c>
      <c r="BA63" s="1">
        <v>0</v>
      </c>
      <c r="BB63" s="1">
        <v>0</v>
      </c>
      <c r="BC63" s="1">
        <v>0</v>
      </c>
      <c r="BD63" s="1">
        <v>0</v>
      </c>
      <c r="BE63" s="1">
        <v>0</v>
      </c>
      <c r="BF63" s="1">
        <v>0</v>
      </c>
      <c r="BG63" s="1">
        <v>0</v>
      </c>
      <c r="BH63" s="1">
        <v>0</v>
      </c>
      <c r="BI63" s="1">
        <v>117814</v>
      </c>
      <c r="BJ63" s="1">
        <v>0</v>
      </c>
      <c r="BK63" s="1">
        <v>0</v>
      </c>
      <c r="BL63" s="1">
        <v>0</v>
      </c>
      <c r="BM63" s="1">
        <v>0</v>
      </c>
      <c r="BN63" s="1">
        <v>0</v>
      </c>
      <c r="BO63" s="1">
        <v>0</v>
      </c>
      <c r="BP63" s="1">
        <v>0</v>
      </c>
      <c r="BQ63" s="1">
        <v>0</v>
      </c>
      <c r="BR63" s="1">
        <v>0</v>
      </c>
      <c r="BS63" s="1">
        <v>0</v>
      </c>
      <c r="BT63" s="1">
        <v>0</v>
      </c>
      <c r="BU63" s="1">
        <v>0</v>
      </c>
      <c r="BV63" s="3">
        <v>0</v>
      </c>
      <c r="BW63" s="1">
        <v>0</v>
      </c>
      <c r="BX63" s="1">
        <v>0</v>
      </c>
      <c r="BY63" s="1">
        <v>0</v>
      </c>
      <c r="BZ63" s="1">
        <v>0</v>
      </c>
      <c r="CA63" s="1">
        <v>0</v>
      </c>
      <c r="CB63" s="1">
        <v>0</v>
      </c>
      <c r="CC63" s="1">
        <v>0</v>
      </c>
      <c r="CD63" s="1">
        <v>0</v>
      </c>
      <c r="CE63" s="1">
        <v>0</v>
      </c>
      <c r="CF63" s="1">
        <v>0</v>
      </c>
      <c r="CG63" s="1">
        <v>0</v>
      </c>
      <c r="CH63" s="1">
        <v>0</v>
      </c>
      <c r="CI63" s="1">
        <v>0</v>
      </c>
      <c r="CJ63" s="1">
        <v>0</v>
      </c>
      <c r="CK63" s="1">
        <v>0</v>
      </c>
      <c r="CL63" s="1">
        <v>0</v>
      </c>
      <c r="CM63" s="1">
        <v>0</v>
      </c>
      <c r="CN63" s="1">
        <v>0</v>
      </c>
      <c r="CO63" s="1">
        <v>0</v>
      </c>
      <c r="CP63" s="1">
        <v>0</v>
      </c>
      <c r="CQ63" s="1">
        <v>0</v>
      </c>
      <c r="CR63" s="1">
        <v>0</v>
      </c>
      <c r="CS63" s="1">
        <v>0</v>
      </c>
      <c r="CT63" s="3">
        <v>0</v>
      </c>
      <c r="CU63" s="1">
        <v>0</v>
      </c>
      <c r="CV63" s="1">
        <v>0</v>
      </c>
      <c r="CW63" s="1">
        <v>0</v>
      </c>
      <c r="CX63" s="1">
        <v>0</v>
      </c>
      <c r="CY63" s="1">
        <v>0</v>
      </c>
      <c r="CZ63" s="1">
        <v>0</v>
      </c>
      <c r="DA63" s="1">
        <v>0</v>
      </c>
      <c r="DB63" s="1">
        <v>0</v>
      </c>
      <c r="DC63" s="1">
        <v>0</v>
      </c>
      <c r="DD63" s="1">
        <v>0</v>
      </c>
      <c r="DE63" s="1">
        <v>0</v>
      </c>
      <c r="DF63" s="1">
        <v>0</v>
      </c>
      <c r="DG63" s="3">
        <v>0</v>
      </c>
      <c r="DH63" s="3">
        <v>117814</v>
      </c>
    </row>
    <row r="64" spans="1:112" ht="10" customHeight="1">
      <c r="A64" s="141"/>
      <c r="B64" s="29"/>
      <c r="C64" s="29"/>
      <c r="D64" s="170" t="s">
        <v>94</v>
      </c>
      <c r="E64" s="173" t="s">
        <v>209</v>
      </c>
      <c r="F64" s="174"/>
      <c r="G64" s="1">
        <v>2469388</v>
      </c>
      <c r="H64" s="1">
        <v>722882</v>
      </c>
      <c r="I64" s="1">
        <v>970657</v>
      </c>
      <c r="J64" s="1">
        <v>2974944</v>
      </c>
      <c r="K64" s="1">
        <v>154296</v>
      </c>
      <c r="L64" s="1">
        <v>326296</v>
      </c>
      <c r="M64" s="1">
        <v>296000</v>
      </c>
      <c r="N64" s="1">
        <v>317353</v>
      </c>
      <c r="O64" s="1">
        <v>114159</v>
      </c>
      <c r="P64" s="1">
        <v>191346</v>
      </c>
      <c r="Q64" s="1">
        <v>85997</v>
      </c>
      <c r="R64" s="1">
        <v>1650561</v>
      </c>
      <c r="S64" s="1">
        <v>716246</v>
      </c>
      <c r="T64" s="1">
        <v>69694</v>
      </c>
      <c r="U64" s="1">
        <v>93990</v>
      </c>
      <c r="V64" s="1">
        <v>96976</v>
      </c>
      <c r="W64" s="1">
        <v>180224</v>
      </c>
      <c r="X64" s="1">
        <v>721306</v>
      </c>
      <c r="Y64" s="1">
        <v>1324931</v>
      </c>
      <c r="Z64" s="1">
        <v>151874</v>
      </c>
      <c r="AA64" s="1">
        <v>52747</v>
      </c>
      <c r="AB64" s="1">
        <v>305020</v>
      </c>
      <c r="AC64" s="1">
        <v>257584</v>
      </c>
      <c r="AD64" s="1">
        <v>482293</v>
      </c>
      <c r="AE64" s="1">
        <v>78722</v>
      </c>
      <c r="AF64" s="1">
        <v>609636</v>
      </c>
      <c r="AG64" s="1">
        <v>106975</v>
      </c>
      <c r="AH64" s="1">
        <v>464193</v>
      </c>
      <c r="AI64" s="1">
        <v>165919</v>
      </c>
      <c r="AJ64" s="1">
        <v>588917</v>
      </c>
      <c r="AK64" s="1">
        <v>519624</v>
      </c>
      <c r="AL64" s="1">
        <v>505019</v>
      </c>
      <c r="AM64" s="1">
        <v>44143</v>
      </c>
      <c r="AN64" s="1">
        <v>81113</v>
      </c>
      <c r="AO64" s="1">
        <v>314138</v>
      </c>
      <c r="AP64" s="1">
        <v>698867</v>
      </c>
      <c r="AQ64" s="1">
        <v>1573235</v>
      </c>
      <c r="AR64" s="1">
        <v>51126</v>
      </c>
      <c r="AS64" s="1">
        <v>141895</v>
      </c>
      <c r="AT64" s="1">
        <v>96421</v>
      </c>
      <c r="AU64" s="1">
        <v>19373</v>
      </c>
      <c r="AV64" s="1">
        <v>146723</v>
      </c>
      <c r="AW64" s="1">
        <v>116172</v>
      </c>
      <c r="AX64" s="1">
        <v>62452</v>
      </c>
      <c r="AY64" s="1">
        <v>513113</v>
      </c>
      <c r="AZ64" s="1">
        <v>0</v>
      </c>
      <c r="BA64" s="1">
        <v>11792</v>
      </c>
      <c r="BB64" s="1">
        <v>8165</v>
      </c>
      <c r="BC64" s="1">
        <v>46394</v>
      </c>
      <c r="BD64" s="1">
        <v>168164</v>
      </c>
      <c r="BE64" s="1">
        <v>201616</v>
      </c>
      <c r="BF64" s="1">
        <v>44261</v>
      </c>
      <c r="BG64" s="1">
        <v>411357</v>
      </c>
      <c r="BH64" s="1">
        <v>129065</v>
      </c>
      <c r="BI64" s="1">
        <v>22645354</v>
      </c>
      <c r="BJ64" s="1">
        <v>0</v>
      </c>
      <c r="BK64" s="1">
        <v>0</v>
      </c>
      <c r="BL64" s="1">
        <v>0</v>
      </c>
      <c r="BM64" s="1">
        <v>92693</v>
      </c>
      <c r="BN64" s="1">
        <v>14645</v>
      </c>
      <c r="BO64" s="1">
        <v>65795</v>
      </c>
      <c r="BP64" s="1">
        <v>8967</v>
      </c>
      <c r="BQ64" s="1">
        <v>19099</v>
      </c>
      <c r="BR64" s="1">
        <v>36051</v>
      </c>
      <c r="BS64" s="1">
        <v>965</v>
      </c>
      <c r="BT64" s="1">
        <v>22637</v>
      </c>
      <c r="BU64" s="1">
        <v>87826</v>
      </c>
      <c r="BV64" s="3">
        <v>348678</v>
      </c>
      <c r="BW64" s="1">
        <v>173289</v>
      </c>
      <c r="BX64" s="1">
        <v>10594</v>
      </c>
      <c r="BY64" s="1">
        <v>31604</v>
      </c>
      <c r="BZ64" s="1">
        <v>14922</v>
      </c>
      <c r="CA64" s="1">
        <v>14268</v>
      </c>
      <c r="CB64" s="1">
        <v>82990</v>
      </c>
      <c r="CC64" s="1">
        <v>57486</v>
      </c>
      <c r="CD64" s="1">
        <v>22975</v>
      </c>
      <c r="CE64" s="1">
        <v>3700</v>
      </c>
      <c r="CF64" s="1">
        <v>16837</v>
      </c>
      <c r="CG64" s="1">
        <v>0</v>
      </c>
      <c r="CH64" s="1">
        <v>1205</v>
      </c>
      <c r="CI64" s="1">
        <v>2036</v>
      </c>
      <c r="CJ64" s="1">
        <v>0</v>
      </c>
      <c r="CK64" s="1">
        <v>25859</v>
      </c>
      <c r="CL64" s="1">
        <v>38717</v>
      </c>
      <c r="CM64" s="1">
        <v>0</v>
      </c>
      <c r="CN64" s="1">
        <v>19883</v>
      </c>
      <c r="CO64" s="1">
        <v>35222</v>
      </c>
      <c r="CP64" s="1">
        <v>0</v>
      </c>
      <c r="CQ64" s="1">
        <v>0</v>
      </c>
      <c r="CR64" s="1">
        <v>22243</v>
      </c>
      <c r="CS64" s="1">
        <v>128</v>
      </c>
      <c r="CT64" s="3">
        <v>573958</v>
      </c>
      <c r="CU64" s="1">
        <v>599</v>
      </c>
      <c r="CV64" s="1">
        <v>8477</v>
      </c>
      <c r="CW64" s="1">
        <v>0</v>
      </c>
      <c r="CX64" s="1">
        <v>6018</v>
      </c>
      <c r="CY64" s="1">
        <v>0</v>
      </c>
      <c r="CZ64" s="1">
        <v>8375</v>
      </c>
      <c r="DA64" s="1">
        <v>884</v>
      </c>
      <c r="DB64" s="1">
        <v>0</v>
      </c>
      <c r="DC64" s="1">
        <v>0</v>
      </c>
      <c r="DD64" s="1">
        <v>0</v>
      </c>
      <c r="DE64" s="1">
        <v>0</v>
      </c>
      <c r="DF64" s="1">
        <v>13507</v>
      </c>
      <c r="DG64" s="3">
        <v>37860</v>
      </c>
      <c r="DH64" s="3">
        <v>23605850</v>
      </c>
    </row>
    <row r="65" spans="1:112" ht="10" customHeight="1">
      <c r="A65" s="141"/>
      <c r="B65" s="29"/>
      <c r="C65" s="29"/>
      <c r="D65" s="171"/>
      <c r="E65" s="173" t="s">
        <v>304</v>
      </c>
      <c r="F65" s="174"/>
      <c r="G65" s="1">
        <v>0</v>
      </c>
      <c r="H65" s="1">
        <v>0</v>
      </c>
      <c r="I65" s="1">
        <v>0</v>
      </c>
      <c r="J65" s="1">
        <v>0</v>
      </c>
      <c r="K65" s="1">
        <v>0</v>
      </c>
      <c r="L65" s="1">
        <v>0</v>
      </c>
      <c r="M65" s="1">
        <v>0</v>
      </c>
      <c r="N65" s="1">
        <v>0</v>
      </c>
      <c r="O65" s="1">
        <v>0</v>
      </c>
      <c r="P65" s="1">
        <v>0</v>
      </c>
      <c r="Q65" s="1">
        <v>0</v>
      </c>
      <c r="R65" s="1">
        <v>0</v>
      </c>
      <c r="S65" s="1">
        <v>0</v>
      </c>
      <c r="T65" s="1">
        <v>0</v>
      </c>
      <c r="U65" s="1">
        <v>0</v>
      </c>
      <c r="V65" s="1">
        <v>0</v>
      </c>
      <c r="W65" s="1">
        <v>0</v>
      </c>
      <c r="X65" s="1">
        <v>0</v>
      </c>
      <c r="Y65" s="1">
        <v>0</v>
      </c>
      <c r="Z65" s="2">
        <v>0</v>
      </c>
      <c r="AA65" s="1">
        <v>0</v>
      </c>
      <c r="AB65" s="1">
        <v>0</v>
      </c>
      <c r="AC65" s="1">
        <v>0</v>
      </c>
      <c r="AD65" s="1">
        <v>0</v>
      </c>
      <c r="AE65" s="2">
        <v>0</v>
      </c>
      <c r="AF65" s="1">
        <v>0</v>
      </c>
      <c r="AG65" s="1">
        <v>0</v>
      </c>
      <c r="AH65" s="1">
        <v>0</v>
      </c>
      <c r="AI65" s="1">
        <v>0</v>
      </c>
      <c r="AJ65" s="1">
        <v>0</v>
      </c>
      <c r="AK65" s="1">
        <v>0</v>
      </c>
      <c r="AL65" s="1">
        <v>0</v>
      </c>
      <c r="AM65" s="1">
        <v>0</v>
      </c>
      <c r="AN65" s="1">
        <v>0</v>
      </c>
      <c r="AO65" s="1">
        <v>0</v>
      </c>
      <c r="AP65" s="1">
        <v>0</v>
      </c>
      <c r="AQ65" s="1">
        <v>0</v>
      </c>
      <c r="AR65" s="1">
        <v>0</v>
      </c>
      <c r="AS65" s="1">
        <v>0</v>
      </c>
      <c r="AT65" s="1">
        <v>0</v>
      </c>
      <c r="AU65" s="1">
        <v>0</v>
      </c>
      <c r="AV65" s="1">
        <v>0</v>
      </c>
      <c r="AW65" s="1">
        <v>0</v>
      </c>
      <c r="AX65" s="1">
        <v>0</v>
      </c>
      <c r="AY65" s="1">
        <v>0</v>
      </c>
      <c r="AZ65" s="2">
        <v>4152</v>
      </c>
      <c r="BA65" s="1">
        <v>0</v>
      </c>
      <c r="BB65" s="1">
        <v>0</v>
      </c>
      <c r="BC65" s="1">
        <v>0</v>
      </c>
      <c r="BD65" s="1">
        <v>0</v>
      </c>
      <c r="BE65" s="1">
        <v>0</v>
      </c>
      <c r="BF65" s="1">
        <v>0</v>
      </c>
      <c r="BG65" s="1">
        <v>0</v>
      </c>
      <c r="BH65" s="1">
        <v>0</v>
      </c>
      <c r="BI65" s="2">
        <v>4152</v>
      </c>
      <c r="BJ65" s="2">
        <v>58</v>
      </c>
      <c r="BK65" s="2">
        <v>0</v>
      </c>
      <c r="BL65" s="2">
        <v>0</v>
      </c>
      <c r="BM65" s="2">
        <v>0</v>
      </c>
      <c r="BN65" s="2">
        <v>0</v>
      </c>
      <c r="BO65" s="2">
        <v>0</v>
      </c>
      <c r="BP65" s="2">
        <v>0</v>
      </c>
      <c r="BQ65" s="2">
        <v>0</v>
      </c>
      <c r="BR65" s="2">
        <v>0</v>
      </c>
      <c r="BS65" s="2">
        <v>0</v>
      </c>
      <c r="BT65" s="2">
        <v>0</v>
      </c>
      <c r="BU65" s="2">
        <v>0</v>
      </c>
      <c r="BV65" s="73">
        <v>58</v>
      </c>
      <c r="BW65" s="2">
        <v>0</v>
      </c>
      <c r="BX65" s="2">
        <v>0</v>
      </c>
      <c r="BY65" s="2">
        <v>0</v>
      </c>
      <c r="BZ65" s="2">
        <v>0</v>
      </c>
      <c r="CA65" s="2">
        <v>0</v>
      </c>
      <c r="CB65" s="2">
        <v>0</v>
      </c>
      <c r="CC65" s="2">
        <v>0</v>
      </c>
      <c r="CD65" s="2">
        <v>0</v>
      </c>
      <c r="CE65" s="2">
        <v>0</v>
      </c>
      <c r="CF65" s="2">
        <v>0</v>
      </c>
      <c r="CG65" s="2">
        <v>22043</v>
      </c>
      <c r="CH65" s="2">
        <v>0</v>
      </c>
      <c r="CI65" s="2">
        <v>0</v>
      </c>
      <c r="CJ65" s="2">
        <v>270</v>
      </c>
      <c r="CK65" s="2">
        <v>0</v>
      </c>
      <c r="CL65" s="2">
        <v>0</v>
      </c>
      <c r="CM65" s="2">
        <v>305112</v>
      </c>
      <c r="CN65" s="2">
        <v>0</v>
      </c>
      <c r="CO65" s="2">
        <v>0</v>
      </c>
      <c r="CP65" s="2">
        <v>1945</v>
      </c>
      <c r="CQ65" s="2">
        <v>17550</v>
      </c>
      <c r="CR65" s="2">
        <v>0</v>
      </c>
      <c r="CS65" s="2">
        <v>0</v>
      </c>
      <c r="CT65" s="73">
        <v>346920</v>
      </c>
      <c r="CU65" s="2">
        <v>0</v>
      </c>
      <c r="CV65" s="2">
        <v>0</v>
      </c>
      <c r="CW65" s="2">
        <v>39833</v>
      </c>
      <c r="CX65" s="2">
        <v>0</v>
      </c>
      <c r="CY65" s="2">
        <v>5825</v>
      </c>
      <c r="CZ65" s="2">
        <v>0</v>
      </c>
      <c r="DA65" s="2">
        <v>0</v>
      </c>
      <c r="DB65" s="2">
        <v>2273</v>
      </c>
      <c r="DC65" s="2">
        <v>44981</v>
      </c>
      <c r="DD65" s="2">
        <v>415</v>
      </c>
      <c r="DE65" s="2">
        <v>5036</v>
      </c>
      <c r="DF65" s="2">
        <v>0</v>
      </c>
      <c r="DG65" s="73">
        <v>98363</v>
      </c>
      <c r="DH65" s="73">
        <v>449493</v>
      </c>
    </row>
    <row r="66" spans="1:112" ht="10" customHeight="1">
      <c r="A66" s="141"/>
      <c r="B66" s="29"/>
      <c r="C66" s="29"/>
      <c r="D66" s="171"/>
      <c r="E66" s="170" t="s">
        <v>95</v>
      </c>
      <c r="F66" s="28" t="s">
        <v>210</v>
      </c>
      <c r="G66" s="1">
        <v>575674</v>
      </c>
      <c r="H66" s="1">
        <v>8529</v>
      </c>
      <c r="I66" s="1">
        <v>406288</v>
      </c>
      <c r="J66" s="1">
        <v>1413433</v>
      </c>
      <c r="K66" s="1">
        <v>52436</v>
      </c>
      <c r="L66" s="1">
        <v>85447</v>
      </c>
      <c r="M66" s="1">
        <v>88384</v>
      </c>
      <c r="N66" s="1">
        <v>163075</v>
      </c>
      <c r="O66" s="1">
        <v>114159</v>
      </c>
      <c r="P66" s="1">
        <v>52087</v>
      </c>
      <c r="Q66" s="1">
        <v>64528</v>
      </c>
      <c r="R66" s="1">
        <v>853810</v>
      </c>
      <c r="S66" s="1">
        <v>337297</v>
      </c>
      <c r="T66" s="1">
        <v>69694</v>
      </c>
      <c r="U66" s="1">
        <v>23990</v>
      </c>
      <c r="V66" s="1">
        <v>54396</v>
      </c>
      <c r="W66" s="1">
        <v>1295</v>
      </c>
      <c r="X66" s="1">
        <v>159208</v>
      </c>
      <c r="Y66" s="1">
        <v>699912</v>
      </c>
      <c r="Z66" s="1">
        <v>39819</v>
      </c>
      <c r="AA66" s="1">
        <v>52747</v>
      </c>
      <c r="AB66" s="1">
        <v>142120</v>
      </c>
      <c r="AC66" s="1">
        <v>257584</v>
      </c>
      <c r="AD66" s="1">
        <v>117305</v>
      </c>
      <c r="AE66" s="1">
        <v>51008</v>
      </c>
      <c r="AF66" s="1">
        <v>284289</v>
      </c>
      <c r="AG66" s="1">
        <v>62095</v>
      </c>
      <c r="AH66" s="1">
        <v>255506</v>
      </c>
      <c r="AI66" s="1">
        <v>85710</v>
      </c>
      <c r="AJ66" s="1">
        <v>281340</v>
      </c>
      <c r="AK66" s="1">
        <v>120479</v>
      </c>
      <c r="AL66" s="1">
        <v>230158</v>
      </c>
      <c r="AM66" s="1">
        <v>44143</v>
      </c>
      <c r="AN66" s="1">
        <v>34332</v>
      </c>
      <c r="AO66" s="1">
        <v>250984</v>
      </c>
      <c r="AP66" s="1">
        <v>77883</v>
      </c>
      <c r="AQ66" s="1">
        <v>232670</v>
      </c>
      <c r="AR66" s="1">
        <v>25466</v>
      </c>
      <c r="AS66" s="1">
        <v>84226</v>
      </c>
      <c r="AT66" s="1">
        <v>34412</v>
      </c>
      <c r="AU66" s="1">
        <v>0</v>
      </c>
      <c r="AV66" s="1">
        <v>75812</v>
      </c>
      <c r="AW66" s="1">
        <v>37614</v>
      </c>
      <c r="AX66" s="1">
        <v>0</v>
      </c>
      <c r="AY66" s="1">
        <v>115409</v>
      </c>
      <c r="AZ66" s="1">
        <v>0</v>
      </c>
      <c r="BA66" s="1">
        <v>10637</v>
      </c>
      <c r="BB66" s="1">
        <v>0</v>
      </c>
      <c r="BC66" s="1">
        <v>10240</v>
      </c>
      <c r="BD66" s="1">
        <v>76298</v>
      </c>
      <c r="BE66" s="1">
        <v>91092</v>
      </c>
      <c r="BF66" s="1">
        <v>9186</v>
      </c>
      <c r="BG66" s="1">
        <v>51949</v>
      </c>
      <c r="BH66" s="1">
        <v>82050</v>
      </c>
      <c r="BI66" s="1">
        <v>8548205</v>
      </c>
      <c r="BJ66" s="1">
        <v>0</v>
      </c>
      <c r="BK66" s="1">
        <v>0</v>
      </c>
      <c r="BL66" s="1">
        <v>0</v>
      </c>
      <c r="BM66" s="1">
        <v>17503</v>
      </c>
      <c r="BN66" s="1">
        <v>14645</v>
      </c>
      <c r="BO66" s="1">
        <v>28912</v>
      </c>
      <c r="BP66" s="1">
        <v>12373</v>
      </c>
      <c r="BQ66" s="1">
        <v>8854</v>
      </c>
      <c r="BR66" s="1">
        <v>17691</v>
      </c>
      <c r="BS66" s="1">
        <v>0</v>
      </c>
      <c r="BT66" s="1">
        <v>12974</v>
      </c>
      <c r="BU66" s="1">
        <v>20739</v>
      </c>
      <c r="BV66" s="3">
        <v>133691</v>
      </c>
      <c r="BW66" s="1">
        <v>64889</v>
      </c>
      <c r="BX66" s="1">
        <v>10594</v>
      </c>
      <c r="BY66" s="1">
        <v>31604</v>
      </c>
      <c r="BZ66" s="1">
        <v>2874</v>
      </c>
      <c r="CA66" s="1">
        <v>14268</v>
      </c>
      <c r="CB66" s="1">
        <v>7170</v>
      </c>
      <c r="CC66" s="1">
        <v>34930</v>
      </c>
      <c r="CD66" s="1">
        <v>22975</v>
      </c>
      <c r="CE66" s="1">
        <v>3700</v>
      </c>
      <c r="CF66" s="1">
        <v>9991</v>
      </c>
      <c r="CG66" s="1">
        <v>2266</v>
      </c>
      <c r="CH66" s="1">
        <v>498</v>
      </c>
      <c r="CI66" s="1">
        <v>2036</v>
      </c>
      <c r="CJ66" s="1">
        <v>0</v>
      </c>
      <c r="CK66" s="1">
        <v>6508</v>
      </c>
      <c r="CL66" s="1">
        <v>23474</v>
      </c>
      <c r="CM66" s="1">
        <v>81343</v>
      </c>
      <c r="CN66" s="1">
        <v>19883</v>
      </c>
      <c r="CO66" s="1">
        <v>35222</v>
      </c>
      <c r="CP66" s="1">
        <v>0</v>
      </c>
      <c r="CQ66" s="1">
        <v>0</v>
      </c>
      <c r="CR66" s="1">
        <v>8364</v>
      </c>
      <c r="CS66" s="1">
        <v>128</v>
      </c>
      <c r="CT66" s="3">
        <v>382717</v>
      </c>
      <c r="CU66" s="1">
        <v>599</v>
      </c>
      <c r="CV66" s="1">
        <v>4417</v>
      </c>
      <c r="CW66" s="1">
        <v>0</v>
      </c>
      <c r="CX66" s="1">
        <v>2263</v>
      </c>
      <c r="CY66" s="1">
        <v>2018</v>
      </c>
      <c r="CZ66" s="1">
        <v>8375</v>
      </c>
      <c r="DA66" s="1">
        <v>884</v>
      </c>
      <c r="DB66" s="1">
        <v>548</v>
      </c>
      <c r="DC66" s="1">
        <v>6954</v>
      </c>
      <c r="DD66" s="1">
        <v>515</v>
      </c>
      <c r="DE66" s="1">
        <v>0</v>
      </c>
      <c r="DF66" s="1">
        <v>4518</v>
      </c>
      <c r="DG66" s="3">
        <v>31091</v>
      </c>
      <c r="DH66" s="3">
        <v>9095704</v>
      </c>
    </row>
    <row r="67" spans="1:112" ht="10" customHeight="1">
      <c r="A67" s="141"/>
      <c r="B67" s="30"/>
      <c r="C67" s="30"/>
      <c r="D67" s="172"/>
      <c r="E67" s="172"/>
      <c r="F67" s="28" t="s">
        <v>305</v>
      </c>
      <c r="G67" s="2">
        <v>0</v>
      </c>
      <c r="H67" s="2">
        <v>0</v>
      </c>
      <c r="I67" s="2">
        <v>0</v>
      </c>
      <c r="J67" s="2">
        <v>0</v>
      </c>
      <c r="K67" s="2">
        <v>0</v>
      </c>
      <c r="L67" s="2">
        <v>0</v>
      </c>
      <c r="M67" s="2">
        <v>0</v>
      </c>
      <c r="N67" s="2">
        <v>0</v>
      </c>
      <c r="O67" s="2">
        <v>0</v>
      </c>
      <c r="P67" s="2">
        <v>0</v>
      </c>
      <c r="Q67" s="2">
        <v>0</v>
      </c>
      <c r="R67" s="2">
        <v>0</v>
      </c>
      <c r="S67" s="2">
        <v>0</v>
      </c>
      <c r="T67" s="2">
        <v>0</v>
      </c>
      <c r="U67" s="2">
        <v>0</v>
      </c>
      <c r="V67" s="2">
        <v>0</v>
      </c>
      <c r="W67" s="2">
        <v>0</v>
      </c>
      <c r="X67" s="2">
        <v>0</v>
      </c>
      <c r="Y67" s="2">
        <v>0</v>
      </c>
      <c r="Z67" s="2">
        <v>0</v>
      </c>
      <c r="AA67" s="2">
        <v>0</v>
      </c>
      <c r="AB67" s="2">
        <v>0</v>
      </c>
      <c r="AC67" s="2">
        <v>59002</v>
      </c>
      <c r="AD67" s="2">
        <v>0</v>
      </c>
      <c r="AE67" s="2">
        <v>0</v>
      </c>
      <c r="AF67" s="2">
        <v>0</v>
      </c>
      <c r="AG67" s="2">
        <v>0</v>
      </c>
      <c r="AH67" s="2">
        <v>0</v>
      </c>
      <c r="AI67" s="2">
        <v>0</v>
      </c>
      <c r="AJ67" s="2">
        <v>0</v>
      </c>
      <c r="AK67" s="2">
        <v>0</v>
      </c>
      <c r="AL67" s="2">
        <v>0</v>
      </c>
      <c r="AM67" s="2">
        <v>0</v>
      </c>
      <c r="AN67" s="2">
        <v>0</v>
      </c>
      <c r="AO67" s="2">
        <v>0</v>
      </c>
      <c r="AP67" s="2">
        <v>0</v>
      </c>
      <c r="AQ67" s="2">
        <v>0</v>
      </c>
      <c r="AR67" s="2">
        <v>0</v>
      </c>
      <c r="AS67" s="2">
        <v>0</v>
      </c>
      <c r="AT67" s="2">
        <v>0</v>
      </c>
      <c r="AU67" s="2">
        <v>8098</v>
      </c>
      <c r="AV67" s="2">
        <v>0</v>
      </c>
      <c r="AW67" s="2">
        <v>0</v>
      </c>
      <c r="AX67" s="2">
        <v>10975</v>
      </c>
      <c r="AY67" s="2">
        <v>0</v>
      </c>
      <c r="AZ67" s="2">
        <v>4152</v>
      </c>
      <c r="BA67" s="2">
        <v>0</v>
      </c>
      <c r="BB67" s="2">
        <v>10</v>
      </c>
      <c r="BC67" s="2">
        <v>0</v>
      </c>
      <c r="BD67" s="2">
        <v>0</v>
      </c>
      <c r="BE67" s="2">
        <v>0</v>
      </c>
      <c r="BF67" s="2">
        <v>0</v>
      </c>
      <c r="BG67" s="2">
        <v>0</v>
      </c>
      <c r="BH67" s="2">
        <v>0</v>
      </c>
      <c r="BI67" s="2">
        <v>82237</v>
      </c>
      <c r="BJ67" s="2">
        <v>58</v>
      </c>
      <c r="BK67" s="2">
        <v>0</v>
      </c>
      <c r="BL67" s="2">
        <v>0</v>
      </c>
      <c r="BM67" s="2">
        <v>0</v>
      </c>
      <c r="BN67" s="2">
        <v>0</v>
      </c>
      <c r="BO67" s="2">
        <v>0</v>
      </c>
      <c r="BP67" s="2">
        <v>0</v>
      </c>
      <c r="BQ67" s="2">
        <v>0</v>
      </c>
      <c r="BR67" s="2">
        <v>0</v>
      </c>
      <c r="BS67" s="2">
        <v>255</v>
      </c>
      <c r="BT67" s="2">
        <v>0</v>
      </c>
      <c r="BU67" s="2">
        <v>0</v>
      </c>
      <c r="BV67" s="73">
        <v>313</v>
      </c>
      <c r="BW67" s="2">
        <v>0</v>
      </c>
      <c r="BX67" s="2">
        <v>0</v>
      </c>
      <c r="BY67" s="2">
        <v>0</v>
      </c>
      <c r="BZ67" s="2">
        <v>0</v>
      </c>
      <c r="CA67" s="2">
        <v>0</v>
      </c>
      <c r="CB67" s="2">
        <v>0</v>
      </c>
      <c r="CC67" s="2">
        <v>0</v>
      </c>
      <c r="CD67" s="2">
        <v>0</v>
      </c>
      <c r="CE67" s="2">
        <v>0</v>
      </c>
      <c r="CF67" s="2">
        <v>0</v>
      </c>
      <c r="CG67" s="2">
        <v>0</v>
      </c>
      <c r="CH67" s="2">
        <v>0</v>
      </c>
      <c r="CI67" s="2">
        <v>0</v>
      </c>
      <c r="CJ67" s="2">
        <v>270</v>
      </c>
      <c r="CK67" s="2">
        <v>0</v>
      </c>
      <c r="CL67" s="2">
        <v>0</v>
      </c>
      <c r="CM67" s="2">
        <v>0</v>
      </c>
      <c r="CN67" s="2">
        <v>0</v>
      </c>
      <c r="CO67" s="2">
        <v>0</v>
      </c>
      <c r="CP67" s="2">
        <v>1945</v>
      </c>
      <c r="CQ67" s="2">
        <v>101</v>
      </c>
      <c r="CR67" s="2">
        <v>0</v>
      </c>
      <c r="CS67" s="2">
        <v>0</v>
      </c>
      <c r="CT67" s="73">
        <v>2316</v>
      </c>
      <c r="CU67" s="2">
        <v>0</v>
      </c>
      <c r="CV67" s="2">
        <v>0</v>
      </c>
      <c r="CW67" s="2">
        <v>8923</v>
      </c>
      <c r="CX67" s="2">
        <v>0</v>
      </c>
      <c r="CY67" s="2">
        <v>0</v>
      </c>
      <c r="CZ67" s="2">
        <v>0</v>
      </c>
      <c r="DA67" s="2">
        <v>0</v>
      </c>
      <c r="DB67" s="2">
        <v>0</v>
      </c>
      <c r="DC67" s="2">
        <v>0</v>
      </c>
      <c r="DD67" s="2">
        <v>0</v>
      </c>
      <c r="DE67" s="2">
        <v>26</v>
      </c>
      <c r="DF67" s="2">
        <v>0</v>
      </c>
      <c r="DG67" s="73">
        <v>8949</v>
      </c>
      <c r="DH67" s="73">
        <v>93815</v>
      </c>
    </row>
    <row r="68" spans="1:112" ht="10" customHeight="1">
      <c r="A68" s="141"/>
      <c r="B68" s="98" t="s">
        <v>222</v>
      </c>
      <c r="C68" s="90"/>
      <c r="D68" s="90"/>
      <c r="E68" s="90"/>
      <c r="F68" s="91"/>
      <c r="G68" s="1">
        <v>0</v>
      </c>
      <c r="H68" s="1">
        <v>0</v>
      </c>
      <c r="I68" s="1">
        <v>0</v>
      </c>
      <c r="J68" s="1">
        <v>0</v>
      </c>
      <c r="K68" s="1">
        <v>0</v>
      </c>
      <c r="L68" s="1">
        <v>0</v>
      </c>
      <c r="M68" s="1">
        <v>0</v>
      </c>
      <c r="N68" s="1">
        <v>0</v>
      </c>
      <c r="O68" s="1">
        <v>0</v>
      </c>
      <c r="P68" s="1">
        <v>0</v>
      </c>
      <c r="Q68" s="1">
        <v>0</v>
      </c>
      <c r="R68" s="1">
        <v>0</v>
      </c>
      <c r="S68" s="1">
        <v>0</v>
      </c>
      <c r="T68" s="1">
        <v>0</v>
      </c>
      <c r="U68" s="1">
        <v>0</v>
      </c>
      <c r="V68" s="1">
        <v>0</v>
      </c>
      <c r="W68" s="1">
        <v>0</v>
      </c>
      <c r="X68" s="1">
        <v>0</v>
      </c>
      <c r="Y68" s="1">
        <v>0</v>
      </c>
      <c r="Z68" s="1">
        <v>0</v>
      </c>
      <c r="AA68" s="1">
        <v>0</v>
      </c>
      <c r="AB68" s="1">
        <v>0</v>
      </c>
      <c r="AC68" s="1">
        <v>0</v>
      </c>
      <c r="AD68" s="1">
        <v>0</v>
      </c>
      <c r="AE68" s="1">
        <v>0</v>
      </c>
      <c r="AF68" s="1">
        <v>0</v>
      </c>
      <c r="AG68" s="1">
        <v>0</v>
      </c>
      <c r="AH68" s="1">
        <v>0</v>
      </c>
      <c r="AI68" s="1">
        <v>0</v>
      </c>
      <c r="AJ68" s="1">
        <v>0</v>
      </c>
      <c r="AK68" s="1">
        <v>0</v>
      </c>
      <c r="AL68" s="1">
        <v>0</v>
      </c>
      <c r="AM68" s="1">
        <v>0</v>
      </c>
      <c r="AN68" s="1">
        <v>0</v>
      </c>
      <c r="AO68" s="1">
        <v>0</v>
      </c>
      <c r="AP68" s="1">
        <v>0</v>
      </c>
      <c r="AQ68" s="1">
        <v>0</v>
      </c>
      <c r="AR68" s="1">
        <v>0</v>
      </c>
      <c r="AS68" s="1">
        <v>0</v>
      </c>
      <c r="AT68" s="1">
        <v>0</v>
      </c>
      <c r="AU68" s="1">
        <v>0</v>
      </c>
      <c r="AV68" s="1">
        <v>0</v>
      </c>
      <c r="AW68" s="1">
        <v>0</v>
      </c>
      <c r="AX68" s="1">
        <v>0</v>
      </c>
      <c r="AY68" s="1">
        <v>0</v>
      </c>
      <c r="AZ68" s="1">
        <v>0</v>
      </c>
      <c r="BA68" s="1">
        <v>0</v>
      </c>
      <c r="BB68" s="1">
        <v>0</v>
      </c>
      <c r="BC68" s="1">
        <v>0</v>
      </c>
      <c r="BD68" s="1">
        <v>0</v>
      </c>
      <c r="BE68" s="1">
        <v>0</v>
      </c>
      <c r="BF68" s="1">
        <v>0</v>
      </c>
      <c r="BG68" s="1">
        <v>0</v>
      </c>
      <c r="BH68" s="1">
        <v>0</v>
      </c>
      <c r="BI68" s="1">
        <v>0</v>
      </c>
      <c r="BJ68" s="1">
        <v>0</v>
      </c>
      <c r="BK68" s="1">
        <v>0</v>
      </c>
      <c r="BL68" s="1">
        <v>0</v>
      </c>
      <c r="BM68" s="1">
        <v>0</v>
      </c>
      <c r="BN68" s="1">
        <v>0</v>
      </c>
      <c r="BO68" s="1">
        <v>0</v>
      </c>
      <c r="BP68" s="1">
        <v>0</v>
      </c>
      <c r="BQ68" s="1">
        <v>0</v>
      </c>
      <c r="BR68" s="1">
        <v>0</v>
      </c>
      <c r="BS68" s="1">
        <v>0</v>
      </c>
      <c r="BT68" s="1">
        <v>0</v>
      </c>
      <c r="BU68" s="1">
        <v>0</v>
      </c>
      <c r="BV68" s="3">
        <v>0</v>
      </c>
      <c r="BW68" s="1">
        <v>0</v>
      </c>
      <c r="BX68" s="1">
        <v>0</v>
      </c>
      <c r="BY68" s="1">
        <v>0</v>
      </c>
      <c r="BZ68" s="1">
        <v>0</v>
      </c>
      <c r="CA68" s="1">
        <v>0</v>
      </c>
      <c r="CB68" s="1">
        <v>0</v>
      </c>
      <c r="CC68" s="1">
        <v>0</v>
      </c>
      <c r="CD68" s="1">
        <v>0</v>
      </c>
      <c r="CE68" s="1">
        <v>0</v>
      </c>
      <c r="CF68" s="1">
        <v>0</v>
      </c>
      <c r="CG68" s="1">
        <v>0</v>
      </c>
      <c r="CH68" s="1">
        <v>0</v>
      </c>
      <c r="CI68" s="1">
        <v>0</v>
      </c>
      <c r="CJ68" s="1">
        <v>0</v>
      </c>
      <c r="CK68" s="1">
        <v>0</v>
      </c>
      <c r="CL68" s="1">
        <v>0</v>
      </c>
      <c r="CM68" s="1">
        <v>0</v>
      </c>
      <c r="CN68" s="1">
        <v>0</v>
      </c>
      <c r="CO68" s="1">
        <v>0</v>
      </c>
      <c r="CP68" s="1">
        <v>0</v>
      </c>
      <c r="CQ68" s="1">
        <v>0</v>
      </c>
      <c r="CR68" s="1">
        <v>0</v>
      </c>
      <c r="CS68" s="1">
        <v>0</v>
      </c>
      <c r="CT68" s="3">
        <v>0</v>
      </c>
      <c r="CU68" s="1">
        <v>0</v>
      </c>
      <c r="CV68" s="1">
        <v>0</v>
      </c>
      <c r="CW68" s="1">
        <v>0</v>
      </c>
      <c r="CX68" s="1">
        <v>0</v>
      </c>
      <c r="CY68" s="1">
        <v>0</v>
      </c>
      <c r="CZ68" s="1">
        <v>0</v>
      </c>
      <c r="DA68" s="1">
        <v>0</v>
      </c>
      <c r="DB68" s="1">
        <v>0</v>
      </c>
      <c r="DC68" s="1">
        <v>0</v>
      </c>
      <c r="DD68" s="1">
        <v>0</v>
      </c>
      <c r="DE68" s="1">
        <v>0</v>
      </c>
      <c r="DF68" s="1">
        <v>0</v>
      </c>
      <c r="DG68" s="3">
        <v>0</v>
      </c>
      <c r="DH68" s="3">
        <v>0</v>
      </c>
    </row>
    <row r="69" spans="1:112" ht="10" customHeight="1">
      <c r="A69" s="142"/>
      <c r="B69" s="90" t="s">
        <v>221</v>
      </c>
      <c r="C69" s="90"/>
      <c r="D69" s="90"/>
      <c r="E69" s="90"/>
      <c r="F69" s="91"/>
      <c r="G69" s="1">
        <v>139249212</v>
      </c>
      <c r="H69" s="1">
        <v>48829698</v>
      </c>
      <c r="I69" s="1">
        <v>5352426</v>
      </c>
      <c r="J69" s="1">
        <v>20883009</v>
      </c>
      <c r="K69" s="1">
        <v>7438379</v>
      </c>
      <c r="L69" s="1">
        <v>2375108</v>
      </c>
      <c r="M69" s="1">
        <v>43113599</v>
      </c>
      <c r="N69" s="1">
        <v>6319987</v>
      </c>
      <c r="O69" s="1">
        <v>3231970</v>
      </c>
      <c r="P69" s="1">
        <v>1347379</v>
      </c>
      <c r="Q69" s="1">
        <v>7245176</v>
      </c>
      <c r="R69" s="1">
        <v>9791043</v>
      </c>
      <c r="S69" s="1">
        <v>26131151</v>
      </c>
      <c r="T69" s="1">
        <v>4801545</v>
      </c>
      <c r="U69" s="1">
        <v>10874829</v>
      </c>
      <c r="V69" s="1">
        <v>15399212</v>
      </c>
      <c r="W69" s="1">
        <v>12099399</v>
      </c>
      <c r="X69" s="1">
        <v>18728999</v>
      </c>
      <c r="Y69" s="1">
        <v>18107855</v>
      </c>
      <c r="Z69" s="1">
        <v>1787257</v>
      </c>
      <c r="AA69" s="1">
        <v>5368029</v>
      </c>
      <c r="AB69" s="1">
        <v>15006060</v>
      </c>
      <c r="AC69" s="1">
        <v>5323070</v>
      </c>
      <c r="AD69" s="1">
        <v>4282708</v>
      </c>
      <c r="AE69" s="1">
        <v>6487027</v>
      </c>
      <c r="AF69" s="1">
        <v>9594069</v>
      </c>
      <c r="AG69" s="1">
        <v>317112</v>
      </c>
      <c r="AH69" s="1">
        <v>7349919</v>
      </c>
      <c r="AI69" s="1">
        <v>4691770</v>
      </c>
      <c r="AJ69" s="1">
        <v>2714822</v>
      </c>
      <c r="AK69" s="1">
        <v>8306777</v>
      </c>
      <c r="AL69" s="1">
        <v>5264683</v>
      </c>
      <c r="AM69" s="1">
        <v>1446794</v>
      </c>
      <c r="AN69" s="1">
        <v>1725384</v>
      </c>
      <c r="AO69" s="1">
        <v>5366121</v>
      </c>
      <c r="AP69" s="1">
        <v>5011208</v>
      </c>
      <c r="AQ69" s="1">
        <v>7307639</v>
      </c>
      <c r="AR69" s="1">
        <v>1801086</v>
      </c>
      <c r="AS69" s="1">
        <v>1531257</v>
      </c>
      <c r="AT69" s="1">
        <v>1354034</v>
      </c>
      <c r="AU69" s="1">
        <v>919527</v>
      </c>
      <c r="AV69" s="1">
        <v>1176796</v>
      </c>
      <c r="AW69" s="1">
        <v>584660</v>
      </c>
      <c r="AX69" s="1">
        <v>2042129</v>
      </c>
      <c r="AY69" s="1">
        <v>1550438</v>
      </c>
      <c r="AZ69" s="1">
        <v>74712</v>
      </c>
      <c r="BA69" s="1">
        <v>131584</v>
      </c>
      <c r="BB69" s="1">
        <v>764997</v>
      </c>
      <c r="BC69" s="1">
        <v>1246816</v>
      </c>
      <c r="BD69" s="1">
        <v>2425512</v>
      </c>
      <c r="BE69" s="1">
        <v>1139419</v>
      </c>
      <c r="BF69" s="1">
        <v>2256439</v>
      </c>
      <c r="BG69" s="1">
        <v>22593186</v>
      </c>
      <c r="BH69" s="1">
        <v>4205270</v>
      </c>
      <c r="BI69" s="1">
        <v>544468287</v>
      </c>
      <c r="BJ69" s="1">
        <v>199574</v>
      </c>
      <c r="BK69" s="1">
        <v>0</v>
      </c>
      <c r="BL69" s="1">
        <v>327735</v>
      </c>
      <c r="BM69" s="1">
        <v>1483973</v>
      </c>
      <c r="BN69" s="1">
        <v>201388</v>
      </c>
      <c r="BO69" s="1">
        <v>2239973</v>
      </c>
      <c r="BP69" s="1">
        <v>8967</v>
      </c>
      <c r="BQ69" s="1">
        <v>258581</v>
      </c>
      <c r="BR69" s="1">
        <v>235531</v>
      </c>
      <c r="BS69" s="1">
        <v>148388</v>
      </c>
      <c r="BT69" s="1">
        <v>104621</v>
      </c>
      <c r="BU69" s="1">
        <v>5935139</v>
      </c>
      <c r="BV69" s="3">
        <v>11143870</v>
      </c>
      <c r="BW69" s="1">
        <v>875371</v>
      </c>
      <c r="BX69" s="1">
        <v>221686</v>
      </c>
      <c r="BY69" s="1">
        <v>333165</v>
      </c>
      <c r="BZ69" s="1">
        <v>173292</v>
      </c>
      <c r="CA69" s="1">
        <v>608597</v>
      </c>
      <c r="CB69" s="1">
        <v>1810913</v>
      </c>
      <c r="CC69" s="1">
        <v>393518</v>
      </c>
      <c r="CD69" s="1">
        <v>515437</v>
      </c>
      <c r="CE69" s="1">
        <v>30579</v>
      </c>
      <c r="CF69" s="1">
        <v>184062</v>
      </c>
      <c r="CG69" s="1">
        <v>27895</v>
      </c>
      <c r="CH69" s="1">
        <v>169836</v>
      </c>
      <c r="CI69" s="1">
        <v>62681</v>
      </c>
      <c r="CJ69" s="1">
        <v>359984</v>
      </c>
      <c r="CK69" s="1">
        <v>253235</v>
      </c>
      <c r="CL69" s="1">
        <v>64345</v>
      </c>
      <c r="CM69" s="1">
        <v>-223837</v>
      </c>
      <c r="CN69" s="1">
        <v>94806</v>
      </c>
      <c r="CO69" s="1">
        <v>760887</v>
      </c>
      <c r="CP69" s="1">
        <v>6618</v>
      </c>
      <c r="CQ69" s="1">
        <v>244466</v>
      </c>
      <c r="CR69" s="1">
        <v>80730</v>
      </c>
      <c r="CS69" s="1">
        <v>45369</v>
      </c>
      <c r="CT69" s="3">
        <v>7093635</v>
      </c>
      <c r="CU69" s="1">
        <v>141519</v>
      </c>
      <c r="CV69" s="1">
        <v>321</v>
      </c>
      <c r="CW69" s="1">
        <v>-22022</v>
      </c>
      <c r="CX69" s="1">
        <v>6229</v>
      </c>
      <c r="CY69" s="1">
        <v>-5825</v>
      </c>
      <c r="CZ69" s="1">
        <v>-4521</v>
      </c>
      <c r="DA69" s="1">
        <v>49169</v>
      </c>
      <c r="DB69" s="1">
        <v>-2273</v>
      </c>
      <c r="DC69" s="1">
        <v>-44981</v>
      </c>
      <c r="DD69" s="1">
        <v>56571</v>
      </c>
      <c r="DE69" s="1">
        <v>-4200</v>
      </c>
      <c r="DF69" s="1">
        <v>29509</v>
      </c>
      <c r="DG69" s="3">
        <v>199496</v>
      </c>
      <c r="DH69" s="3">
        <v>562905288</v>
      </c>
    </row>
    <row r="70" spans="1:112" ht="10" customHeight="1">
      <c r="A70" s="89" t="s">
        <v>211</v>
      </c>
      <c r="B70" s="90"/>
      <c r="C70" s="90"/>
      <c r="D70" s="90"/>
      <c r="E70" s="90"/>
      <c r="F70" s="91"/>
      <c r="G70" s="1">
        <v>412268168</v>
      </c>
      <c r="H70" s="1">
        <v>80839995</v>
      </c>
      <c r="I70" s="1">
        <v>46095123</v>
      </c>
      <c r="J70" s="1">
        <v>137253113</v>
      </c>
      <c r="K70" s="1">
        <v>22734345</v>
      </c>
      <c r="L70" s="1">
        <v>10569406</v>
      </c>
      <c r="M70" s="1">
        <v>93085288</v>
      </c>
      <c r="N70" s="1">
        <v>29738231</v>
      </c>
      <c r="O70" s="1">
        <v>24559472</v>
      </c>
      <c r="P70" s="1">
        <v>27322055</v>
      </c>
      <c r="Q70" s="1">
        <v>28305569</v>
      </c>
      <c r="R70" s="1">
        <v>61925258</v>
      </c>
      <c r="S70" s="1">
        <v>51101061</v>
      </c>
      <c r="T70" s="1">
        <v>13955444</v>
      </c>
      <c r="U70" s="1">
        <v>39889165</v>
      </c>
      <c r="V70" s="1">
        <v>45812534</v>
      </c>
      <c r="W70" s="1">
        <v>54898385</v>
      </c>
      <c r="X70" s="1">
        <v>85224991</v>
      </c>
      <c r="Y70" s="1">
        <v>75961645</v>
      </c>
      <c r="Z70" s="1">
        <v>13271182</v>
      </c>
      <c r="AA70" s="1">
        <v>30069196</v>
      </c>
      <c r="AB70" s="1">
        <v>29886239</v>
      </c>
      <c r="AC70" s="1">
        <v>21405046</v>
      </c>
      <c r="AD70" s="1">
        <v>17361331</v>
      </c>
      <c r="AE70" s="1">
        <v>14122745</v>
      </c>
      <c r="AF70" s="1">
        <v>51090828</v>
      </c>
      <c r="AG70" s="1">
        <v>21446085</v>
      </c>
      <c r="AH70" s="1">
        <v>43945031</v>
      </c>
      <c r="AI70" s="1">
        <v>11471112</v>
      </c>
      <c r="AJ70" s="1">
        <v>47848751</v>
      </c>
      <c r="AK70" s="1">
        <v>19900362</v>
      </c>
      <c r="AL70" s="1">
        <v>52940654</v>
      </c>
      <c r="AM70" s="1">
        <v>12914907</v>
      </c>
      <c r="AN70" s="1">
        <v>13787428</v>
      </c>
      <c r="AO70" s="1">
        <v>15766685</v>
      </c>
      <c r="AP70" s="1">
        <v>32173935</v>
      </c>
      <c r="AQ70" s="1">
        <v>19931445</v>
      </c>
      <c r="AR70" s="1">
        <v>14756181</v>
      </c>
      <c r="AS70" s="1">
        <v>13817343</v>
      </c>
      <c r="AT70" s="1">
        <v>5373185</v>
      </c>
      <c r="AU70" s="1">
        <v>4346362</v>
      </c>
      <c r="AV70" s="1">
        <v>4982305</v>
      </c>
      <c r="AW70" s="1">
        <v>9084618</v>
      </c>
      <c r="AX70" s="1">
        <v>10250384</v>
      </c>
      <c r="AY70" s="1">
        <v>3573836</v>
      </c>
      <c r="AZ70" s="1">
        <v>1366730</v>
      </c>
      <c r="BA70" s="1">
        <v>862093</v>
      </c>
      <c r="BB70" s="1">
        <v>4724370</v>
      </c>
      <c r="BC70" s="1">
        <v>6902128</v>
      </c>
      <c r="BD70" s="1">
        <v>15466536</v>
      </c>
      <c r="BE70" s="1">
        <v>11651748</v>
      </c>
      <c r="BF70" s="1">
        <v>7299455</v>
      </c>
      <c r="BG70" s="1">
        <v>65598660</v>
      </c>
      <c r="BH70" s="1">
        <v>24202827</v>
      </c>
      <c r="BI70" s="1">
        <v>2015130971</v>
      </c>
      <c r="BJ70" s="1">
        <v>316344</v>
      </c>
      <c r="BK70" s="1">
        <v>1374</v>
      </c>
      <c r="BL70" s="1">
        <v>605303</v>
      </c>
      <c r="BM70" s="1">
        <v>5634891</v>
      </c>
      <c r="BN70" s="1">
        <v>1997669</v>
      </c>
      <c r="BO70" s="1">
        <v>3404463</v>
      </c>
      <c r="BP70" s="1">
        <v>2452538</v>
      </c>
      <c r="BQ70" s="1">
        <v>3037330</v>
      </c>
      <c r="BR70" s="1">
        <v>1306918</v>
      </c>
      <c r="BS70" s="1">
        <v>573864</v>
      </c>
      <c r="BT70" s="1">
        <v>974093</v>
      </c>
      <c r="BU70" s="1">
        <v>8882771</v>
      </c>
      <c r="BV70" s="3">
        <v>29187558</v>
      </c>
      <c r="BW70" s="1">
        <v>5010743</v>
      </c>
      <c r="BX70" s="1">
        <v>2239176</v>
      </c>
      <c r="BY70" s="1">
        <v>9242124</v>
      </c>
      <c r="BZ70" s="1">
        <v>2659869</v>
      </c>
      <c r="CA70" s="1">
        <v>2103564</v>
      </c>
      <c r="CB70" s="1">
        <v>11805402</v>
      </c>
      <c r="CC70" s="1">
        <v>8417638</v>
      </c>
      <c r="CD70" s="1">
        <v>2776126</v>
      </c>
      <c r="CE70" s="1">
        <v>399343</v>
      </c>
      <c r="CF70" s="1">
        <v>489951</v>
      </c>
      <c r="CG70" s="1">
        <v>648565</v>
      </c>
      <c r="CH70" s="1">
        <v>1139282</v>
      </c>
      <c r="CI70" s="1">
        <v>524737</v>
      </c>
      <c r="CJ70" s="1">
        <v>920943</v>
      </c>
      <c r="CK70" s="1">
        <v>1503293</v>
      </c>
      <c r="CL70" s="1">
        <v>1648511</v>
      </c>
      <c r="CM70" s="1">
        <v>5080701</v>
      </c>
      <c r="CN70" s="1">
        <v>716085</v>
      </c>
      <c r="CO70" s="1">
        <v>4697489</v>
      </c>
      <c r="CP70" s="1">
        <v>205594</v>
      </c>
      <c r="CQ70" s="1">
        <v>2104644</v>
      </c>
      <c r="CR70" s="1">
        <v>773264</v>
      </c>
      <c r="CS70" s="1">
        <v>209771</v>
      </c>
      <c r="CT70" s="3">
        <v>65316815</v>
      </c>
      <c r="CU70" s="1">
        <v>1550705</v>
      </c>
      <c r="CV70" s="1">
        <v>169365</v>
      </c>
      <c r="CW70" s="1">
        <v>793716</v>
      </c>
      <c r="CX70" s="1">
        <v>17249</v>
      </c>
      <c r="CY70" s="1">
        <v>34705</v>
      </c>
      <c r="CZ70" s="1">
        <v>180615</v>
      </c>
      <c r="DA70" s="1">
        <v>898403</v>
      </c>
      <c r="DB70" s="1">
        <v>211696</v>
      </c>
      <c r="DC70" s="1">
        <v>857815</v>
      </c>
      <c r="DD70" s="1">
        <v>273993</v>
      </c>
      <c r="DE70" s="1">
        <v>66177</v>
      </c>
      <c r="DF70" s="1">
        <v>158807</v>
      </c>
      <c r="DG70" s="3">
        <v>5213246</v>
      </c>
      <c r="DH70" s="3">
        <v>2114848590</v>
      </c>
    </row>
    <row r="71" spans="1:112" ht="10" customHeight="1">
      <c r="A71" s="89" t="s">
        <v>212</v>
      </c>
      <c r="B71" s="90"/>
      <c r="C71" s="90"/>
      <c r="D71" s="90"/>
      <c r="E71" s="90"/>
      <c r="F71" s="91"/>
      <c r="G71" s="1">
        <v>0</v>
      </c>
      <c r="H71" s="1">
        <v>0</v>
      </c>
      <c r="I71" s="1">
        <v>0</v>
      </c>
      <c r="J71" s="1">
        <v>0</v>
      </c>
      <c r="K71" s="1">
        <v>0</v>
      </c>
      <c r="L71" s="1">
        <v>0</v>
      </c>
      <c r="M71" s="1">
        <v>0</v>
      </c>
      <c r="N71" s="1">
        <v>0</v>
      </c>
      <c r="O71" s="1">
        <v>0</v>
      </c>
      <c r="P71" s="1">
        <v>0</v>
      </c>
      <c r="Q71" s="1">
        <v>0</v>
      </c>
      <c r="R71" s="1">
        <v>0</v>
      </c>
      <c r="S71" s="1">
        <v>0</v>
      </c>
      <c r="T71" s="1">
        <v>0</v>
      </c>
      <c r="U71" s="1">
        <v>0</v>
      </c>
      <c r="V71" s="1">
        <v>0</v>
      </c>
      <c r="W71" s="1">
        <v>0</v>
      </c>
      <c r="X71" s="1">
        <v>0</v>
      </c>
      <c r="Y71" s="1">
        <v>0</v>
      </c>
      <c r="Z71" s="1">
        <v>0</v>
      </c>
      <c r="AA71" s="1">
        <v>0</v>
      </c>
      <c r="AB71" s="1">
        <v>0</v>
      </c>
      <c r="AC71" s="1">
        <v>0</v>
      </c>
      <c r="AD71" s="1">
        <v>0</v>
      </c>
      <c r="AE71" s="1">
        <v>0</v>
      </c>
      <c r="AF71" s="1">
        <v>0</v>
      </c>
      <c r="AG71" s="1">
        <v>0</v>
      </c>
      <c r="AH71" s="1">
        <v>0</v>
      </c>
      <c r="AI71" s="1">
        <v>0</v>
      </c>
      <c r="AJ71" s="1">
        <v>0</v>
      </c>
      <c r="AK71" s="1">
        <v>0</v>
      </c>
      <c r="AL71" s="1">
        <v>0</v>
      </c>
      <c r="AM71" s="1">
        <v>0</v>
      </c>
      <c r="AN71" s="1">
        <v>0</v>
      </c>
      <c r="AO71" s="1">
        <v>0</v>
      </c>
      <c r="AP71" s="1">
        <v>0</v>
      </c>
      <c r="AQ71" s="1">
        <v>0</v>
      </c>
      <c r="AR71" s="1">
        <v>0</v>
      </c>
      <c r="AS71" s="1">
        <v>0</v>
      </c>
      <c r="AT71" s="1">
        <v>0</v>
      </c>
      <c r="AU71" s="1">
        <v>0</v>
      </c>
      <c r="AV71" s="1">
        <v>0</v>
      </c>
      <c r="AW71" s="1">
        <v>0</v>
      </c>
      <c r="AX71" s="1">
        <v>0</v>
      </c>
      <c r="AY71" s="1">
        <v>0</v>
      </c>
      <c r="AZ71" s="1">
        <v>0</v>
      </c>
      <c r="BA71" s="1">
        <v>0</v>
      </c>
      <c r="BB71" s="1">
        <v>0</v>
      </c>
      <c r="BC71" s="1">
        <v>0</v>
      </c>
      <c r="BD71" s="1">
        <v>0</v>
      </c>
      <c r="BE71" s="1">
        <v>0</v>
      </c>
      <c r="BF71" s="1">
        <v>0</v>
      </c>
      <c r="BG71" s="1">
        <v>0</v>
      </c>
      <c r="BH71" s="1">
        <v>0</v>
      </c>
      <c r="BI71" s="1">
        <v>0</v>
      </c>
      <c r="BJ71" s="1">
        <v>0</v>
      </c>
      <c r="BK71" s="1">
        <v>0</v>
      </c>
      <c r="BL71" s="1">
        <v>0</v>
      </c>
      <c r="BM71" s="1">
        <v>0</v>
      </c>
      <c r="BN71" s="1">
        <v>0</v>
      </c>
      <c r="BO71" s="1">
        <v>0</v>
      </c>
      <c r="BP71" s="1">
        <v>0</v>
      </c>
      <c r="BQ71" s="1">
        <v>0</v>
      </c>
      <c r="BR71" s="1">
        <v>0</v>
      </c>
      <c r="BS71" s="1">
        <v>0</v>
      </c>
      <c r="BT71" s="1">
        <v>0</v>
      </c>
      <c r="BU71" s="1">
        <v>0</v>
      </c>
      <c r="BV71" s="3">
        <v>0</v>
      </c>
      <c r="BW71" s="1">
        <v>0</v>
      </c>
      <c r="BX71" s="1">
        <v>0</v>
      </c>
      <c r="BY71" s="1">
        <v>0</v>
      </c>
      <c r="BZ71" s="1">
        <v>0</v>
      </c>
      <c r="CA71" s="1">
        <v>0</v>
      </c>
      <c r="CB71" s="1">
        <v>0</v>
      </c>
      <c r="CC71" s="1">
        <v>0</v>
      </c>
      <c r="CD71" s="1">
        <v>0</v>
      </c>
      <c r="CE71" s="1">
        <v>0</v>
      </c>
      <c r="CF71" s="1">
        <v>0</v>
      </c>
      <c r="CG71" s="1">
        <v>0</v>
      </c>
      <c r="CH71" s="1">
        <v>0</v>
      </c>
      <c r="CI71" s="1">
        <v>0</v>
      </c>
      <c r="CJ71" s="1">
        <v>0</v>
      </c>
      <c r="CK71" s="1">
        <v>0</v>
      </c>
      <c r="CL71" s="1">
        <v>0</v>
      </c>
      <c r="CM71" s="1">
        <v>0</v>
      </c>
      <c r="CN71" s="1">
        <v>0</v>
      </c>
      <c r="CO71" s="1">
        <v>0</v>
      </c>
      <c r="CP71" s="1">
        <v>0</v>
      </c>
      <c r="CQ71" s="1">
        <v>0</v>
      </c>
      <c r="CR71" s="1">
        <v>0</v>
      </c>
      <c r="CS71" s="1">
        <v>0</v>
      </c>
      <c r="CT71" s="3">
        <v>0</v>
      </c>
      <c r="CU71" s="1">
        <v>0</v>
      </c>
      <c r="CV71" s="1">
        <v>0</v>
      </c>
      <c r="CW71" s="1">
        <v>8772</v>
      </c>
      <c r="CX71" s="1">
        <v>0</v>
      </c>
      <c r="CY71" s="1">
        <v>0</v>
      </c>
      <c r="CZ71" s="1">
        <v>0</v>
      </c>
      <c r="DA71" s="1">
        <v>0</v>
      </c>
      <c r="DB71" s="1">
        <v>0</v>
      </c>
      <c r="DC71" s="1">
        <v>0</v>
      </c>
      <c r="DD71" s="1">
        <v>0</v>
      </c>
      <c r="DE71" s="1">
        <v>0</v>
      </c>
      <c r="DF71" s="1">
        <v>0</v>
      </c>
      <c r="DG71" s="3">
        <v>8772</v>
      </c>
      <c r="DH71" s="3">
        <v>8772</v>
      </c>
    </row>
    <row r="72" spans="1:112" ht="10" customHeight="1">
      <c r="A72" s="89" t="s">
        <v>213</v>
      </c>
      <c r="B72" s="90"/>
      <c r="C72" s="90"/>
      <c r="D72" s="90"/>
      <c r="E72" s="90"/>
      <c r="F72" s="91"/>
      <c r="G72" s="1">
        <v>0</v>
      </c>
      <c r="H72" s="1">
        <v>0</v>
      </c>
      <c r="I72" s="1">
        <v>0</v>
      </c>
      <c r="J72" s="1">
        <v>0</v>
      </c>
      <c r="K72" s="1">
        <v>0</v>
      </c>
      <c r="L72" s="1">
        <v>0</v>
      </c>
      <c r="M72" s="1">
        <v>0</v>
      </c>
      <c r="N72" s="1">
        <v>0</v>
      </c>
      <c r="O72" s="1">
        <v>0</v>
      </c>
      <c r="P72" s="1">
        <v>0</v>
      </c>
      <c r="Q72" s="1">
        <v>0</v>
      </c>
      <c r="R72" s="1">
        <v>0</v>
      </c>
      <c r="S72" s="1">
        <v>0</v>
      </c>
      <c r="T72" s="1">
        <v>0</v>
      </c>
      <c r="U72" s="1">
        <v>0</v>
      </c>
      <c r="V72" s="1">
        <v>0</v>
      </c>
      <c r="W72" s="1">
        <v>0</v>
      </c>
      <c r="X72" s="1">
        <v>0</v>
      </c>
      <c r="Y72" s="1">
        <v>0</v>
      </c>
      <c r="Z72" s="1">
        <v>0</v>
      </c>
      <c r="AA72" s="1">
        <v>0</v>
      </c>
      <c r="AB72" s="1">
        <v>0</v>
      </c>
      <c r="AC72" s="1">
        <v>0</v>
      </c>
      <c r="AD72" s="1">
        <v>0</v>
      </c>
      <c r="AE72" s="1">
        <v>0</v>
      </c>
      <c r="AF72" s="1">
        <v>0</v>
      </c>
      <c r="AG72" s="1">
        <v>0</v>
      </c>
      <c r="AH72" s="1">
        <v>0</v>
      </c>
      <c r="AI72" s="1">
        <v>0</v>
      </c>
      <c r="AJ72" s="1">
        <v>0</v>
      </c>
      <c r="AK72" s="1">
        <v>0</v>
      </c>
      <c r="AL72" s="1">
        <v>0</v>
      </c>
      <c r="AM72" s="1">
        <v>0</v>
      </c>
      <c r="AN72" s="1">
        <v>0</v>
      </c>
      <c r="AO72" s="1">
        <v>0</v>
      </c>
      <c r="AP72" s="1">
        <v>0</v>
      </c>
      <c r="AQ72" s="1">
        <v>0</v>
      </c>
      <c r="AR72" s="1">
        <v>0</v>
      </c>
      <c r="AS72" s="1">
        <v>0</v>
      </c>
      <c r="AT72" s="1">
        <v>0</v>
      </c>
      <c r="AU72" s="1">
        <v>0</v>
      </c>
      <c r="AV72" s="1">
        <v>0</v>
      </c>
      <c r="AW72" s="1">
        <v>0</v>
      </c>
      <c r="AX72" s="1">
        <v>0</v>
      </c>
      <c r="AY72" s="1">
        <v>0</v>
      </c>
      <c r="AZ72" s="1">
        <v>0</v>
      </c>
      <c r="BA72" s="1">
        <v>0</v>
      </c>
      <c r="BB72" s="1">
        <v>0</v>
      </c>
      <c r="BC72" s="1">
        <v>0</v>
      </c>
      <c r="BD72" s="1">
        <v>0</v>
      </c>
      <c r="BE72" s="1">
        <v>0</v>
      </c>
      <c r="BF72" s="1">
        <v>0</v>
      </c>
      <c r="BG72" s="1">
        <v>0</v>
      </c>
      <c r="BH72" s="1">
        <v>0</v>
      </c>
      <c r="BI72" s="1">
        <v>0</v>
      </c>
      <c r="BJ72" s="1">
        <v>0</v>
      </c>
      <c r="BK72" s="1">
        <v>0</v>
      </c>
      <c r="BL72" s="1">
        <v>0</v>
      </c>
      <c r="BM72" s="1">
        <v>0</v>
      </c>
      <c r="BN72" s="1">
        <v>0</v>
      </c>
      <c r="BO72" s="1">
        <v>0</v>
      </c>
      <c r="BP72" s="1">
        <v>0</v>
      </c>
      <c r="BQ72" s="1">
        <v>0</v>
      </c>
      <c r="BR72" s="1">
        <v>0</v>
      </c>
      <c r="BS72" s="1">
        <v>0</v>
      </c>
      <c r="BT72" s="1">
        <v>0</v>
      </c>
      <c r="BU72" s="1">
        <v>0</v>
      </c>
      <c r="BV72" s="3">
        <v>0</v>
      </c>
      <c r="BW72" s="1">
        <v>0</v>
      </c>
      <c r="BX72" s="1">
        <v>0</v>
      </c>
      <c r="BY72" s="1">
        <v>0</v>
      </c>
      <c r="BZ72" s="1">
        <v>0</v>
      </c>
      <c r="CA72" s="1">
        <v>0</v>
      </c>
      <c r="CB72" s="1">
        <v>0</v>
      </c>
      <c r="CC72" s="1">
        <v>0</v>
      </c>
      <c r="CD72" s="1">
        <v>0</v>
      </c>
      <c r="CE72" s="1">
        <v>0</v>
      </c>
      <c r="CF72" s="1">
        <v>0</v>
      </c>
      <c r="CG72" s="1">
        <v>0</v>
      </c>
      <c r="CH72" s="1">
        <v>0</v>
      </c>
      <c r="CI72" s="1">
        <v>0</v>
      </c>
      <c r="CJ72" s="1">
        <v>0</v>
      </c>
      <c r="CK72" s="1">
        <v>0</v>
      </c>
      <c r="CL72" s="1">
        <v>0</v>
      </c>
      <c r="CM72" s="1">
        <v>0</v>
      </c>
      <c r="CN72" s="1">
        <v>0</v>
      </c>
      <c r="CO72" s="1">
        <v>0</v>
      </c>
      <c r="CP72" s="1">
        <v>0</v>
      </c>
      <c r="CQ72" s="1">
        <v>0</v>
      </c>
      <c r="CR72" s="1">
        <v>0</v>
      </c>
      <c r="CS72" s="1">
        <v>0</v>
      </c>
      <c r="CT72" s="3">
        <v>0</v>
      </c>
      <c r="CU72" s="1">
        <v>0</v>
      </c>
      <c r="CV72" s="1">
        <v>0</v>
      </c>
      <c r="CW72" s="1">
        <v>8772</v>
      </c>
      <c r="CX72" s="1">
        <v>0</v>
      </c>
      <c r="CY72" s="1">
        <v>0</v>
      </c>
      <c r="CZ72" s="1">
        <v>0</v>
      </c>
      <c r="DA72" s="1">
        <v>0</v>
      </c>
      <c r="DB72" s="1">
        <v>0</v>
      </c>
      <c r="DC72" s="1">
        <v>0</v>
      </c>
      <c r="DD72" s="1">
        <v>0</v>
      </c>
      <c r="DE72" s="1">
        <v>0</v>
      </c>
      <c r="DF72" s="1">
        <v>0</v>
      </c>
      <c r="DG72" s="3">
        <v>8772</v>
      </c>
      <c r="DH72" s="3">
        <v>8772</v>
      </c>
    </row>
    <row r="73" spans="1:112" ht="10" customHeight="1">
      <c r="A73" s="89" t="s">
        <v>214</v>
      </c>
      <c r="B73" s="90"/>
      <c r="C73" s="90"/>
      <c r="D73" s="90"/>
      <c r="E73" s="90"/>
      <c r="F73" s="91"/>
      <c r="G73" s="1">
        <v>575439</v>
      </c>
      <c r="H73" s="1">
        <v>4470</v>
      </c>
      <c r="I73" s="1">
        <v>400386</v>
      </c>
      <c r="J73" s="1">
        <v>1417861</v>
      </c>
      <c r="K73" s="1">
        <v>52534</v>
      </c>
      <c r="L73" s="1">
        <v>85546</v>
      </c>
      <c r="M73" s="1">
        <v>65162</v>
      </c>
      <c r="N73" s="1">
        <v>158772</v>
      </c>
      <c r="O73" s="1">
        <v>114159</v>
      </c>
      <c r="P73" s="1">
        <v>52535</v>
      </c>
      <c r="Q73" s="1">
        <v>64528</v>
      </c>
      <c r="R73" s="1">
        <v>854029</v>
      </c>
      <c r="S73" s="1">
        <v>337210</v>
      </c>
      <c r="T73" s="1">
        <v>69794</v>
      </c>
      <c r="U73" s="1">
        <v>23990</v>
      </c>
      <c r="V73" s="1">
        <v>49034</v>
      </c>
      <c r="W73" s="1">
        <v>1295</v>
      </c>
      <c r="X73" s="1">
        <v>159627</v>
      </c>
      <c r="Y73" s="1">
        <v>699038</v>
      </c>
      <c r="Z73" s="1">
        <v>39666</v>
      </c>
      <c r="AA73" s="1">
        <v>52738</v>
      </c>
      <c r="AB73" s="1">
        <v>142231</v>
      </c>
      <c r="AC73" s="1">
        <v>148323</v>
      </c>
      <c r="AD73" s="1">
        <v>117305</v>
      </c>
      <c r="AE73" s="1">
        <v>50865</v>
      </c>
      <c r="AF73" s="1">
        <v>284919</v>
      </c>
      <c r="AG73" s="1">
        <v>62095</v>
      </c>
      <c r="AH73" s="1">
        <v>255581</v>
      </c>
      <c r="AI73" s="1">
        <v>84616</v>
      </c>
      <c r="AJ73" s="1">
        <v>281374</v>
      </c>
      <c r="AK73" s="1">
        <v>118946</v>
      </c>
      <c r="AL73" s="1">
        <v>230517</v>
      </c>
      <c r="AM73" s="1">
        <v>44143</v>
      </c>
      <c r="AN73" s="1">
        <v>34524</v>
      </c>
      <c r="AO73" s="1">
        <v>251101</v>
      </c>
      <c r="AP73" s="1">
        <v>107881</v>
      </c>
      <c r="AQ73" s="1">
        <v>228250</v>
      </c>
      <c r="AR73" s="1">
        <v>25466</v>
      </c>
      <c r="AS73" s="1">
        <v>84262</v>
      </c>
      <c r="AT73" s="1">
        <v>34426</v>
      </c>
      <c r="AU73" s="1">
        <v>0</v>
      </c>
      <c r="AV73" s="1">
        <v>75815</v>
      </c>
      <c r="AW73" s="1">
        <v>37614</v>
      </c>
      <c r="AX73" s="1">
        <v>0</v>
      </c>
      <c r="AY73" s="1">
        <v>123656</v>
      </c>
      <c r="AZ73" s="1">
        <v>0</v>
      </c>
      <c r="BA73" s="1">
        <v>10637</v>
      </c>
      <c r="BB73" s="1">
        <v>0</v>
      </c>
      <c r="BC73" s="1">
        <v>10248</v>
      </c>
      <c r="BD73" s="1">
        <v>76245</v>
      </c>
      <c r="BE73" s="1">
        <v>137151</v>
      </c>
      <c r="BF73" s="1">
        <v>9186</v>
      </c>
      <c r="BG73" s="1">
        <v>51713</v>
      </c>
      <c r="BH73" s="1">
        <v>82050</v>
      </c>
      <c r="BI73" s="1">
        <v>8478953</v>
      </c>
      <c r="BJ73" s="1">
        <v>0</v>
      </c>
      <c r="BK73" s="1">
        <v>0</v>
      </c>
      <c r="BL73" s="1">
        <v>0</v>
      </c>
      <c r="BM73" s="1">
        <v>17518</v>
      </c>
      <c r="BN73" s="1">
        <v>14645</v>
      </c>
      <c r="BO73" s="1">
        <v>28914</v>
      </c>
      <c r="BP73" s="1">
        <v>13797</v>
      </c>
      <c r="BQ73" s="1">
        <v>8854</v>
      </c>
      <c r="BR73" s="1">
        <v>17691</v>
      </c>
      <c r="BS73" s="1">
        <v>0</v>
      </c>
      <c r="BT73" s="1">
        <v>12974</v>
      </c>
      <c r="BU73" s="1">
        <v>20739</v>
      </c>
      <c r="BV73" s="3">
        <v>135132</v>
      </c>
      <c r="BW73" s="1">
        <v>64889</v>
      </c>
      <c r="BX73" s="1">
        <v>12857</v>
      </c>
      <c r="BY73" s="1">
        <v>43583</v>
      </c>
      <c r="BZ73" s="1">
        <v>3000</v>
      </c>
      <c r="CA73" s="1">
        <v>19308</v>
      </c>
      <c r="CB73" s="1">
        <v>0</v>
      </c>
      <c r="CC73" s="1">
        <v>35008</v>
      </c>
      <c r="CD73" s="1">
        <v>22975</v>
      </c>
      <c r="CE73" s="1">
        <v>3700</v>
      </c>
      <c r="CF73" s="1">
        <v>9991</v>
      </c>
      <c r="CG73" s="1">
        <v>2148</v>
      </c>
      <c r="CH73" s="1">
        <v>498</v>
      </c>
      <c r="CI73" s="1">
        <v>2610</v>
      </c>
      <c r="CJ73" s="1">
        <v>0</v>
      </c>
      <c r="CK73" s="1">
        <v>7208</v>
      </c>
      <c r="CL73" s="1">
        <v>23474</v>
      </c>
      <c r="CM73" s="1">
        <v>82702</v>
      </c>
      <c r="CN73" s="1">
        <v>19883</v>
      </c>
      <c r="CO73" s="1">
        <v>35222</v>
      </c>
      <c r="CP73" s="1">
        <v>0</v>
      </c>
      <c r="CQ73" s="1">
        <v>0</v>
      </c>
      <c r="CR73" s="1">
        <v>8364</v>
      </c>
      <c r="CS73" s="1">
        <v>0</v>
      </c>
      <c r="CT73" s="3">
        <v>397420</v>
      </c>
      <c r="CU73" s="1">
        <v>3828</v>
      </c>
      <c r="CV73" s="1">
        <v>4417</v>
      </c>
      <c r="CW73" s="1">
        <v>0</v>
      </c>
      <c r="CX73" s="1">
        <v>2263</v>
      </c>
      <c r="CY73" s="1">
        <v>2718</v>
      </c>
      <c r="CZ73" s="1">
        <v>8375</v>
      </c>
      <c r="DA73" s="1">
        <v>1377</v>
      </c>
      <c r="DB73" s="1">
        <v>548</v>
      </c>
      <c r="DC73" s="1">
        <v>9484</v>
      </c>
      <c r="DD73" s="1">
        <v>515</v>
      </c>
      <c r="DE73" s="1">
        <v>523</v>
      </c>
      <c r="DF73" s="1">
        <v>2566</v>
      </c>
      <c r="DG73" s="3">
        <v>36614</v>
      </c>
      <c r="DH73" s="3">
        <v>9048119</v>
      </c>
    </row>
    <row r="74" spans="1:112" ht="10" customHeight="1">
      <c r="A74" s="167" t="s">
        <v>306</v>
      </c>
      <c r="B74" s="168"/>
      <c r="C74" s="168"/>
      <c r="D74" s="168"/>
      <c r="E74" s="168"/>
      <c r="F74" s="169"/>
      <c r="G74" s="78">
        <v>0</v>
      </c>
      <c r="H74" s="78">
        <v>0</v>
      </c>
      <c r="I74" s="78">
        <v>0</v>
      </c>
      <c r="J74" s="78">
        <v>0</v>
      </c>
      <c r="K74" s="78">
        <v>0</v>
      </c>
      <c r="L74" s="78">
        <v>0</v>
      </c>
      <c r="M74" s="78">
        <v>0</v>
      </c>
      <c r="N74" s="78">
        <v>0</v>
      </c>
      <c r="O74" s="78">
        <v>0</v>
      </c>
      <c r="P74" s="78">
        <v>0</v>
      </c>
      <c r="Q74" s="78">
        <v>0</v>
      </c>
      <c r="R74" s="78">
        <v>0</v>
      </c>
      <c r="S74" s="78">
        <v>0</v>
      </c>
      <c r="T74" s="78">
        <v>0</v>
      </c>
      <c r="U74" s="78">
        <v>0</v>
      </c>
      <c r="V74" s="78">
        <v>0</v>
      </c>
      <c r="W74" s="78">
        <v>0</v>
      </c>
      <c r="X74" s="78">
        <v>0</v>
      </c>
      <c r="Y74" s="78">
        <v>0</v>
      </c>
      <c r="Z74" s="78">
        <v>0</v>
      </c>
      <c r="AA74" s="78">
        <v>0</v>
      </c>
      <c r="AB74" s="78">
        <v>0</v>
      </c>
      <c r="AC74" s="78">
        <v>0</v>
      </c>
      <c r="AD74" s="78">
        <v>0</v>
      </c>
      <c r="AE74" s="78">
        <v>0</v>
      </c>
      <c r="AF74" s="78">
        <v>0</v>
      </c>
      <c r="AG74" s="78">
        <v>0</v>
      </c>
      <c r="AH74" s="78">
        <v>0</v>
      </c>
      <c r="AI74" s="78">
        <v>0</v>
      </c>
      <c r="AJ74" s="78">
        <v>0</v>
      </c>
      <c r="AK74" s="78">
        <v>0</v>
      </c>
      <c r="AL74" s="78">
        <v>0</v>
      </c>
      <c r="AM74" s="78">
        <v>0</v>
      </c>
      <c r="AN74" s="78">
        <v>0</v>
      </c>
      <c r="AO74" s="78">
        <v>0</v>
      </c>
      <c r="AP74" s="78">
        <v>0</v>
      </c>
      <c r="AQ74" s="78">
        <v>0</v>
      </c>
      <c r="AR74" s="78">
        <v>0</v>
      </c>
      <c r="AS74" s="78">
        <v>0</v>
      </c>
      <c r="AT74" s="78">
        <v>0</v>
      </c>
      <c r="AU74" s="78">
        <v>8098</v>
      </c>
      <c r="AV74" s="78">
        <v>0</v>
      </c>
      <c r="AW74" s="78">
        <v>0</v>
      </c>
      <c r="AX74" s="78">
        <v>10975</v>
      </c>
      <c r="AY74" s="78">
        <v>0</v>
      </c>
      <c r="AZ74" s="78">
        <v>4152</v>
      </c>
      <c r="BA74" s="78">
        <v>0</v>
      </c>
      <c r="BB74" s="78">
        <v>10</v>
      </c>
      <c r="BC74" s="78">
        <v>0</v>
      </c>
      <c r="BD74" s="78">
        <v>0</v>
      </c>
      <c r="BE74" s="78">
        <v>0</v>
      </c>
      <c r="BF74" s="78">
        <v>0</v>
      </c>
      <c r="BG74" s="78">
        <v>0</v>
      </c>
      <c r="BH74" s="78">
        <v>0</v>
      </c>
      <c r="BI74" s="79">
        <v>23235</v>
      </c>
      <c r="BJ74" s="79">
        <v>58</v>
      </c>
      <c r="BK74" s="79">
        <v>0</v>
      </c>
      <c r="BL74" s="79">
        <v>0</v>
      </c>
      <c r="BM74" s="79">
        <v>0</v>
      </c>
      <c r="BN74" s="79">
        <v>0</v>
      </c>
      <c r="BO74" s="79">
        <v>0</v>
      </c>
      <c r="BP74" s="79">
        <v>0</v>
      </c>
      <c r="BQ74" s="79">
        <v>0</v>
      </c>
      <c r="BR74" s="79">
        <v>0</v>
      </c>
      <c r="BS74" s="79">
        <v>255</v>
      </c>
      <c r="BT74" s="79">
        <v>0</v>
      </c>
      <c r="BU74" s="79">
        <v>0</v>
      </c>
      <c r="BV74" s="79">
        <v>313</v>
      </c>
      <c r="BW74" s="79">
        <v>0</v>
      </c>
      <c r="BX74" s="79">
        <v>0</v>
      </c>
      <c r="BY74" s="79">
        <v>0</v>
      </c>
      <c r="BZ74" s="79">
        <v>0</v>
      </c>
      <c r="CA74" s="79">
        <v>0</v>
      </c>
      <c r="CB74" s="79">
        <v>1186</v>
      </c>
      <c r="CC74" s="79">
        <v>0</v>
      </c>
      <c r="CD74" s="79">
        <v>0</v>
      </c>
      <c r="CE74" s="79">
        <v>0</v>
      </c>
      <c r="CF74" s="79">
        <v>0</v>
      </c>
      <c r="CG74" s="79">
        <v>0</v>
      </c>
      <c r="CH74" s="79">
        <v>0</v>
      </c>
      <c r="CI74" s="79">
        <v>0</v>
      </c>
      <c r="CJ74" s="79">
        <v>270</v>
      </c>
      <c r="CK74" s="79">
        <v>0</v>
      </c>
      <c r="CL74" s="79">
        <v>0</v>
      </c>
      <c r="CM74" s="79">
        <v>0</v>
      </c>
      <c r="CN74" s="79">
        <v>0</v>
      </c>
      <c r="CO74" s="79">
        <v>0</v>
      </c>
      <c r="CP74" s="79">
        <v>1945</v>
      </c>
      <c r="CQ74" s="79">
        <v>101</v>
      </c>
      <c r="CR74" s="79">
        <v>0</v>
      </c>
      <c r="CS74" s="79">
        <v>1287</v>
      </c>
      <c r="CT74" s="79">
        <v>4789</v>
      </c>
      <c r="CU74" s="79">
        <v>0</v>
      </c>
      <c r="CV74" s="79">
        <v>0</v>
      </c>
      <c r="CW74" s="79">
        <v>10455</v>
      </c>
      <c r="CX74" s="79">
        <v>0</v>
      </c>
      <c r="CY74" s="79">
        <v>0</v>
      </c>
      <c r="CZ74" s="79">
        <v>0</v>
      </c>
      <c r="DA74" s="79">
        <v>0</v>
      </c>
      <c r="DB74" s="79">
        <v>0</v>
      </c>
      <c r="DC74" s="79">
        <v>0</v>
      </c>
      <c r="DD74" s="79">
        <v>0</v>
      </c>
      <c r="DE74" s="79">
        <v>0</v>
      </c>
      <c r="DF74" s="79">
        <v>0</v>
      </c>
      <c r="DG74" s="79">
        <v>10455</v>
      </c>
      <c r="DH74" s="79">
        <v>38792</v>
      </c>
    </row>
    <row r="75" spans="1:112" ht="10" customHeight="1">
      <c r="G75" s="63"/>
      <c r="H75" s="63"/>
      <c r="I75" s="63"/>
      <c r="J75" s="63"/>
      <c r="K75" s="63"/>
      <c r="L75" s="63"/>
      <c r="M75" s="63"/>
      <c r="N75" s="63"/>
      <c r="O75" s="63"/>
      <c r="P75" s="63"/>
      <c r="Q75" s="63"/>
      <c r="R75" s="63"/>
      <c r="S75" s="63"/>
      <c r="T75" s="63"/>
      <c r="U75" s="63"/>
      <c r="V75" s="63"/>
      <c r="W75" s="63"/>
      <c r="X75" s="63"/>
      <c r="Y75" s="63"/>
      <c r="Z75" s="63"/>
      <c r="AA75" s="63"/>
      <c r="AB75" s="63"/>
      <c r="AC75" s="63"/>
      <c r="AD75" s="63"/>
      <c r="AE75" s="63"/>
      <c r="AF75" s="63"/>
      <c r="AG75" s="63"/>
      <c r="AH75" s="63"/>
      <c r="AI75" s="63"/>
      <c r="AJ75" s="63"/>
      <c r="AK75" s="63"/>
      <c r="AL75" s="63"/>
      <c r="AM75" s="63"/>
      <c r="AN75" s="63"/>
      <c r="AO75" s="63"/>
      <c r="AP75" s="63"/>
      <c r="AQ75" s="63"/>
      <c r="AR75" s="63"/>
      <c r="AS75" s="63"/>
      <c r="AT75" s="63"/>
      <c r="AU75" s="63"/>
      <c r="AV75" s="63"/>
      <c r="AW75" s="63"/>
      <c r="AX75" s="63"/>
      <c r="AY75" s="63"/>
      <c r="AZ75" s="63"/>
      <c r="BA75" s="63"/>
      <c r="BB75" s="63"/>
      <c r="BC75" s="63"/>
      <c r="BD75" s="63"/>
      <c r="BE75" s="63"/>
      <c r="BF75" s="63"/>
      <c r="BG75" s="63"/>
      <c r="BH75" s="63"/>
      <c r="BI75" s="63"/>
      <c r="BJ75" s="63"/>
      <c r="BK75" s="63"/>
      <c r="BL75" s="63"/>
      <c r="BM75" s="63"/>
      <c r="BN75" s="63"/>
      <c r="BO75" s="63"/>
      <c r="BP75" s="63"/>
      <c r="BQ75" s="63"/>
      <c r="BR75" s="63"/>
      <c r="BS75" s="63"/>
      <c r="BT75" s="63"/>
      <c r="BU75" s="63"/>
      <c r="BV75" s="63"/>
      <c r="BW75" s="63"/>
      <c r="BX75" s="63"/>
      <c r="BY75" s="63"/>
      <c r="BZ75" s="63"/>
      <c r="CA75" s="63"/>
      <c r="CB75" s="63"/>
      <c r="CC75" s="63"/>
      <c r="CD75" s="63"/>
      <c r="CE75" s="63"/>
      <c r="CF75" s="63"/>
      <c r="CG75" s="63"/>
      <c r="CH75" s="63"/>
      <c r="CI75" s="63"/>
      <c r="CJ75" s="63"/>
      <c r="CK75" s="63"/>
      <c r="CL75" s="63"/>
      <c r="CM75" s="63"/>
      <c r="CN75" s="63"/>
      <c r="CO75" s="63"/>
      <c r="CP75" s="63"/>
      <c r="CQ75" s="63"/>
      <c r="CR75" s="63"/>
      <c r="CS75" s="63"/>
      <c r="CT75" s="63"/>
      <c r="CU75" s="63"/>
      <c r="CV75" s="63"/>
      <c r="CW75" s="63"/>
      <c r="CX75" s="63"/>
      <c r="CY75" s="63"/>
      <c r="CZ75" s="63"/>
      <c r="DA75" s="63"/>
      <c r="DB75" s="63"/>
      <c r="DC75" s="63"/>
      <c r="DD75" s="63"/>
      <c r="DE75" s="63"/>
      <c r="DF75" s="63"/>
      <c r="DG75" s="63"/>
      <c r="DH75" s="74"/>
    </row>
  </sheetData>
  <mergeCells count="75">
    <mergeCell ref="C25:F25"/>
    <mergeCell ref="C26:F26"/>
    <mergeCell ref="C48:F48"/>
    <mergeCell ref="C49:F49"/>
    <mergeCell ref="C50:F50"/>
    <mergeCell ref="C35:F35"/>
    <mergeCell ref="C36:F36"/>
    <mergeCell ref="C37:F37"/>
    <mergeCell ref="C38:F38"/>
    <mergeCell ref="C39:F39"/>
    <mergeCell ref="C41:F41"/>
    <mergeCell ref="C40:F40"/>
    <mergeCell ref="D9:F9"/>
    <mergeCell ref="A4:A22"/>
    <mergeCell ref="D11:F11"/>
    <mergeCell ref="D12:F12"/>
    <mergeCell ref="B15:F15"/>
    <mergeCell ref="C13:F13"/>
    <mergeCell ref="C14:F14"/>
    <mergeCell ref="C16:F16"/>
    <mergeCell ref="C17:F17"/>
    <mergeCell ref="C19:F19"/>
    <mergeCell ref="B21:F21"/>
    <mergeCell ref="B22:F22"/>
    <mergeCell ref="C18:F18"/>
    <mergeCell ref="D8:F8"/>
    <mergeCell ref="D10:F10"/>
    <mergeCell ref="C20:F20"/>
    <mergeCell ref="A1:F3"/>
    <mergeCell ref="B4:F4"/>
    <mergeCell ref="C5:F5"/>
    <mergeCell ref="D6:F6"/>
    <mergeCell ref="D7:F7"/>
    <mergeCell ref="A23:A46"/>
    <mergeCell ref="B23:F23"/>
    <mergeCell ref="C29:F29"/>
    <mergeCell ref="B32:F32"/>
    <mergeCell ref="C33:F33"/>
    <mergeCell ref="C42:F42"/>
    <mergeCell ref="B46:F46"/>
    <mergeCell ref="C44:F44"/>
    <mergeCell ref="B43:F43"/>
    <mergeCell ref="C45:F45"/>
    <mergeCell ref="C34:F34"/>
    <mergeCell ref="C31:F31"/>
    <mergeCell ref="C30:F30"/>
    <mergeCell ref="C24:F24"/>
    <mergeCell ref="C27:F27"/>
    <mergeCell ref="C28:F28"/>
    <mergeCell ref="A73:F73"/>
    <mergeCell ref="A74:F74"/>
    <mergeCell ref="D64:D67"/>
    <mergeCell ref="E66:E67"/>
    <mergeCell ref="B69:F69"/>
    <mergeCell ref="A70:F70"/>
    <mergeCell ref="B68:F68"/>
    <mergeCell ref="E64:F64"/>
    <mergeCell ref="E65:F65"/>
    <mergeCell ref="A72:F72"/>
    <mergeCell ref="C51:F51"/>
    <mergeCell ref="D58:F58"/>
    <mergeCell ref="C59:F59"/>
    <mergeCell ref="D60:F60"/>
    <mergeCell ref="A71:F71"/>
    <mergeCell ref="A47:A69"/>
    <mergeCell ref="B47:F47"/>
    <mergeCell ref="D61:F61"/>
    <mergeCell ref="D62:F62"/>
    <mergeCell ref="D63:F63"/>
    <mergeCell ref="D56:F56"/>
    <mergeCell ref="D57:F57"/>
    <mergeCell ref="C53:F53"/>
    <mergeCell ref="D54:F54"/>
    <mergeCell ref="D55:F55"/>
    <mergeCell ref="B52:F52"/>
  </mergeCells>
  <phoneticPr fontId="8"/>
  <conditionalFormatting sqref="G4:DF74">
    <cfRule type="cellIs" dxfId="2" priority="1" stopIfTrue="1" operator="equal">
      <formula>0</formula>
    </cfRule>
  </conditionalFormatting>
  <conditionalFormatting sqref="DG4:DH4 DG5:DG74 DH5:DH75">
    <cfRule type="cellIs" dxfId="1" priority="37" stopIfTrue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firstPageNumber="202" orientation="portrait" useFirstPageNumber="1" r:id="rId1"/>
  <headerFooter scaleWithDoc="0">
    <oddHeader>&amp;L&amp;"ＭＳ ゴシック,標準"Ⅳ　令和６年度地方公営企業事業別決算状況
　４　下水道事業
　　（１）法適用事業（公共・特環・農集・特排）&amp;R&amp;"ＭＳ ゴシック,標準"
&amp;A</oddHeader>
    <oddFooter>&amp;C&amp;"ＭＳ ゴシック,標準"&amp;9&amp;P</oddFooter>
  </headerFooter>
  <colBreaks count="17" manualBreakCount="17">
    <brk id="12" max="73" man="1"/>
    <brk id="18" max="73" man="1"/>
    <brk id="24" max="73" man="1"/>
    <brk id="30" max="73" man="1"/>
    <brk id="36" max="73" man="1"/>
    <brk id="42" max="73" man="1"/>
    <brk id="48" max="73" man="1"/>
    <brk id="54" max="73" man="1"/>
    <brk id="60" max="73" man="1"/>
    <brk id="66" max="73" man="1"/>
    <brk id="72" max="73" man="1"/>
    <brk id="78" max="73" man="1"/>
    <brk id="84" max="73" man="1"/>
    <brk id="90" max="73" man="1"/>
    <brk id="96" max="73" man="1"/>
    <brk id="102" max="73" man="1"/>
    <brk id="108" max="73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11"/>
  <dimension ref="A1:DG70"/>
  <sheetViews>
    <sheetView view="pageBreakPreview" zoomScaleNormal="120" zoomScaleSheetLayoutView="100" workbookViewId="0">
      <selection sqref="A1:E3"/>
    </sheetView>
  </sheetViews>
  <sheetFormatPr defaultColWidth="9.58203125" defaultRowHeight="10" customHeight="1"/>
  <cols>
    <col min="1" max="4" width="1.58203125" style="13" customWidth="1"/>
    <col min="5" max="5" width="15.58203125" style="13" customWidth="1"/>
    <col min="6" max="111" width="9.5" style="13" customWidth="1"/>
    <col min="112" max="16384" width="9.58203125" style="13"/>
  </cols>
  <sheetData>
    <row r="1" spans="1:111" ht="10" customHeight="1">
      <c r="A1" s="102" t="s">
        <v>150</v>
      </c>
      <c r="B1" s="103"/>
      <c r="C1" s="103"/>
      <c r="D1" s="103"/>
      <c r="E1" s="104"/>
      <c r="F1" s="8" t="s">
        <v>229</v>
      </c>
      <c r="G1" s="8" t="s">
        <v>230</v>
      </c>
      <c r="H1" s="8" t="s">
        <v>258</v>
      </c>
      <c r="I1" s="8" t="s">
        <v>259</v>
      </c>
      <c r="J1" s="8" t="s">
        <v>260</v>
      </c>
      <c r="K1" s="8" t="s">
        <v>261</v>
      </c>
      <c r="L1" s="8" t="s">
        <v>231</v>
      </c>
      <c r="M1" s="8" t="s">
        <v>262</v>
      </c>
      <c r="N1" s="8" t="s">
        <v>232</v>
      </c>
      <c r="O1" s="8" t="s">
        <v>233</v>
      </c>
      <c r="P1" s="8" t="s">
        <v>263</v>
      </c>
      <c r="Q1" s="8" t="s">
        <v>234</v>
      </c>
      <c r="R1" s="8" t="s">
        <v>235</v>
      </c>
      <c r="S1" s="8" t="s">
        <v>264</v>
      </c>
      <c r="T1" s="8" t="s">
        <v>236</v>
      </c>
      <c r="U1" s="8" t="s">
        <v>237</v>
      </c>
      <c r="V1" s="8" t="s">
        <v>265</v>
      </c>
      <c r="W1" s="8" t="s">
        <v>266</v>
      </c>
      <c r="X1" s="8" t="s">
        <v>267</v>
      </c>
      <c r="Y1" s="8" t="s">
        <v>268</v>
      </c>
      <c r="Z1" s="8" t="s">
        <v>238</v>
      </c>
      <c r="AA1" s="8" t="s">
        <v>239</v>
      </c>
      <c r="AB1" s="8" t="s">
        <v>269</v>
      </c>
      <c r="AC1" s="8" t="s">
        <v>240</v>
      </c>
      <c r="AD1" s="8" t="s">
        <v>241</v>
      </c>
      <c r="AE1" s="8" t="s">
        <v>270</v>
      </c>
      <c r="AF1" s="8" t="s">
        <v>271</v>
      </c>
      <c r="AG1" s="8" t="s">
        <v>272</v>
      </c>
      <c r="AH1" s="8" t="s">
        <v>318</v>
      </c>
      <c r="AI1" s="8" t="s">
        <v>273</v>
      </c>
      <c r="AJ1" s="8" t="s">
        <v>242</v>
      </c>
      <c r="AK1" s="8" t="s">
        <v>274</v>
      </c>
      <c r="AL1" s="8" t="s">
        <v>275</v>
      </c>
      <c r="AM1" s="8" t="s">
        <v>276</v>
      </c>
      <c r="AN1" s="8" t="s">
        <v>243</v>
      </c>
      <c r="AO1" s="8" t="s">
        <v>277</v>
      </c>
      <c r="AP1" s="8" t="s">
        <v>245</v>
      </c>
      <c r="AQ1" s="8" t="s">
        <v>319</v>
      </c>
      <c r="AR1" s="8" t="s">
        <v>278</v>
      </c>
      <c r="AS1" s="8" t="s">
        <v>279</v>
      </c>
      <c r="AT1" s="8" t="s">
        <v>282</v>
      </c>
      <c r="AU1" s="8" t="s">
        <v>283</v>
      </c>
      <c r="AV1" s="8" t="s">
        <v>284</v>
      </c>
      <c r="AW1" s="8" t="s">
        <v>285</v>
      </c>
      <c r="AX1" s="8" t="s">
        <v>286</v>
      </c>
      <c r="AY1" s="8" t="s">
        <v>292</v>
      </c>
      <c r="AZ1" s="8" t="s">
        <v>293</v>
      </c>
      <c r="BA1" s="8" t="s">
        <v>244</v>
      </c>
      <c r="BB1" s="8" t="s">
        <v>294</v>
      </c>
      <c r="BC1" s="8" t="s">
        <v>295</v>
      </c>
      <c r="BD1" s="8" t="s">
        <v>296</v>
      </c>
      <c r="BE1" s="9" t="s">
        <v>297</v>
      </c>
      <c r="BF1" s="8" t="s">
        <v>332</v>
      </c>
      <c r="BG1" s="10" t="s">
        <v>333</v>
      </c>
      <c r="BH1" s="8" t="s">
        <v>335</v>
      </c>
      <c r="BI1" s="8" t="s">
        <v>262</v>
      </c>
      <c r="BJ1" s="8" t="s">
        <v>234</v>
      </c>
      <c r="BK1" s="8" t="s">
        <v>270</v>
      </c>
      <c r="BL1" s="8" t="s">
        <v>242</v>
      </c>
      <c r="BM1" s="8" t="s">
        <v>275</v>
      </c>
      <c r="BN1" s="8" t="s">
        <v>279</v>
      </c>
      <c r="BO1" s="8" t="s">
        <v>286</v>
      </c>
      <c r="BP1" s="8" t="s">
        <v>289</v>
      </c>
      <c r="BQ1" s="8" t="s">
        <v>293</v>
      </c>
      <c r="BR1" s="8" t="s">
        <v>244</v>
      </c>
      <c r="BS1" s="8" t="s">
        <v>296</v>
      </c>
      <c r="BT1" s="8" t="s">
        <v>334</v>
      </c>
      <c r="BU1" s="8" t="s">
        <v>335</v>
      </c>
      <c r="BV1" s="8" t="s">
        <v>258</v>
      </c>
      <c r="BW1" s="8" t="s">
        <v>261</v>
      </c>
      <c r="BX1" s="8" t="s">
        <v>232</v>
      </c>
      <c r="BY1" s="8" t="s">
        <v>233</v>
      </c>
      <c r="BZ1" s="8" t="s">
        <v>236</v>
      </c>
      <c r="CA1" s="8" t="s">
        <v>237</v>
      </c>
      <c r="CB1" s="8" t="s">
        <v>272</v>
      </c>
      <c r="CC1" s="8" t="s">
        <v>275</v>
      </c>
      <c r="CD1" s="8" t="s">
        <v>276</v>
      </c>
      <c r="CE1" s="8" t="s">
        <v>243</v>
      </c>
      <c r="CF1" s="8" t="s">
        <v>277</v>
      </c>
      <c r="CG1" s="8" t="s">
        <v>319</v>
      </c>
      <c r="CH1" s="8" t="s">
        <v>280</v>
      </c>
      <c r="CI1" s="8" t="s">
        <v>281</v>
      </c>
      <c r="CJ1" s="8" t="s">
        <v>282</v>
      </c>
      <c r="CK1" s="8" t="s">
        <v>284</v>
      </c>
      <c r="CL1" s="8" t="s">
        <v>286</v>
      </c>
      <c r="CM1" s="8" t="s">
        <v>287</v>
      </c>
      <c r="CN1" s="8" t="s">
        <v>292</v>
      </c>
      <c r="CO1" s="8" t="s">
        <v>244</v>
      </c>
      <c r="CP1" s="8" t="s">
        <v>294</v>
      </c>
      <c r="CQ1" s="8" t="s">
        <v>295</v>
      </c>
      <c r="CR1" s="8" t="s">
        <v>297</v>
      </c>
      <c r="CS1" s="8" t="s">
        <v>331</v>
      </c>
      <c r="CT1" s="8" t="s">
        <v>261</v>
      </c>
      <c r="CU1" s="8" t="s">
        <v>282</v>
      </c>
      <c r="CV1" s="8" t="s">
        <v>283</v>
      </c>
      <c r="CW1" s="8" t="s">
        <v>284</v>
      </c>
      <c r="CX1" s="8" t="s">
        <v>286</v>
      </c>
      <c r="CY1" s="8" t="s">
        <v>287</v>
      </c>
      <c r="CZ1" s="8" t="s">
        <v>288</v>
      </c>
      <c r="DA1" s="8" t="s">
        <v>289</v>
      </c>
      <c r="DB1" s="8" t="s">
        <v>290</v>
      </c>
      <c r="DC1" s="8" t="s">
        <v>291</v>
      </c>
      <c r="DD1" s="8" t="s">
        <v>294</v>
      </c>
      <c r="DE1" s="11" t="s">
        <v>334</v>
      </c>
      <c r="DF1" s="8" t="s">
        <v>335</v>
      </c>
      <c r="DG1" s="8" t="s">
        <v>215</v>
      </c>
    </row>
    <row r="2" spans="1:111" ht="10" customHeight="1">
      <c r="A2" s="105"/>
      <c r="B2" s="106"/>
      <c r="C2" s="106"/>
      <c r="D2" s="106"/>
      <c r="E2" s="107"/>
      <c r="F2" s="14"/>
      <c r="G2" s="14"/>
      <c r="H2" s="14"/>
      <c r="I2" s="14"/>
      <c r="J2" s="14"/>
      <c r="K2" s="14"/>
      <c r="L2" s="14"/>
      <c r="M2" s="14"/>
      <c r="N2" s="14"/>
      <c r="O2" s="14"/>
      <c r="P2" s="14"/>
      <c r="Q2" s="14"/>
      <c r="R2" s="14"/>
      <c r="S2" s="14"/>
      <c r="T2" s="14"/>
      <c r="U2" s="14"/>
      <c r="V2" s="14"/>
      <c r="W2" s="14"/>
      <c r="X2" s="14"/>
      <c r="Y2" s="14"/>
      <c r="Z2" s="14"/>
      <c r="AA2" s="14"/>
      <c r="AB2" s="14"/>
      <c r="AC2" s="14"/>
      <c r="AD2" s="14"/>
      <c r="AE2" s="14"/>
      <c r="AF2" s="14"/>
      <c r="AG2" s="14"/>
      <c r="AH2" s="14"/>
      <c r="AI2" s="14"/>
      <c r="AJ2" s="14"/>
      <c r="AK2" s="14"/>
      <c r="AL2" s="14"/>
      <c r="AM2" s="14"/>
      <c r="AN2" s="14"/>
      <c r="AO2" s="14"/>
      <c r="AP2" s="14"/>
      <c r="AQ2" s="14"/>
      <c r="AR2" s="14"/>
      <c r="AS2" s="14"/>
      <c r="AT2" s="14"/>
      <c r="AU2" s="14"/>
      <c r="AV2" s="14"/>
      <c r="AW2" s="14"/>
      <c r="AX2" s="14"/>
      <c r="AY2" s="14"/>
      <c r="AZ2" s="14"/>
      <c r="BA2" s="14"/>
      <c r="BB2" s="14"/>
      <c r="BC2" s="14"/>
      <c r="BD2" s="14"/>
      <c r="BE2" s="15"/>
      <c r="BF2" s="14" t="s">
        <v>330</v>
      </c>
      <c r="BG2" s="16" t="s">
        <v>315</v>
      </c>
      <c r="BH2" s="14"/>
      <c r="BI2" s="14"/>
      <c r="BJ2" s="14"/>
      <c r="BK2" s="14"/>
      <c r="BL2" s="14"/>
      <c r="BM2" s="14"/>
      <c r="BN2" s="14"/>
      <c r="BO2" s="14"/>
      <c r="BP2" s="14"/>
      <c r="BQ2" s="14"/>
      <c r="BR2" s="14"/>
      <c r="BS2" s="14"/>
      <c r="BT2" s="14" t="s">
        <v>257</v>
      </c>
      <c r="BU2" s="14"/>
      <c r="BV2" s="14"/>
      <c r="BW2" s="14"/>
      <c r="BX2" s="14"/>
      <c r="BY2" s="14"/>
      <c r="BZ2" s="14"/>
      <c r="CA2" s="14"/>
      <c r="CB2" s="14"/>
      <c r="CC2" s="14"/>
      <c r="CD2" s="14"/>
      <c r="CE2" s="14"/>
      <c r="CF2" s="14"/>
      <c r="CG2" s="14"/>
      <c r="CH2" s="14"/>
      <c r="CI2" s="14"/>
      <c r="CJ2" s="14"/>
      <c r="CK2" s="14"/>
      <c r="CL2" s="14"/>
      <c r="CM2" s="14"/>
      <c r="CN2" s="14"/>
      <c r="CO2" s="14"/>
      <c r="CP2" s="14"/>
      <c r="CQ2" s="14"/>
      <c r="CR2" s="14"/>
      <c r="CS2" s="14"/>
      <c r="CT2" s="14"/>
      <c r="CU2" s="14"/>
      <c r="CV2" s="14"/>
      <c r="CW2" s="14"/>
      <c r="CX2" s="14"/>
      <c r="CY2" s="14"/>
      <c r="CZ2" s="14"/>
      <c r="DA2" s="14"/>
      <c r="DB2" s="14"/>
      <c r="DC2" s="14"/>
      <c r="DD2" s="14"/>
      <c r="DE2" s="17" t="s">
        <v>329</v>
      </c>
      <c r="DF2" s="14"/>
      <c r="DG2" s="14"/>
    </row>
    <row r="3" spans="1:111" ht="10" customHeight="1">
      <c r="A3" s="108"/>
      <c r="B3" s="109"/>
      <c r="C3" s="109"/>
      <c r="D3" s="109"/>
      <c r="E3" s="110"/>
      <c r="F3" s="18" t="s">
        <v>46</v>
      </c>
      <c r="G3" s="18" t="s">
        <v>46</v>
      </c>
      <c r="H3" s="18" t="s">
        <v>46</v>
      </c>
      <c r="I3" s="18" t="s">
        <v>46</v>
      </c>
      <c r="J3" s="18" t="s">
        <v>46</v>
      </c>
      <c r="K3" s="18" t="s">
        <v>46</v>
      </c>
      <c r="L3" s="18" t="s">
        <v>46</v>
      </c>
      <c r="M3" s="18" t="s">
        <v>46</v>
      </c>
      <c r="N3" s="18" t="s">
        <v>46</v>
      </c>
      <c r="O3" s="18" t="s">
        <v>46</v>
      </c>
      <c r="P3" s="18" t="s">
        <v>46</v>
      </c>
      <c r="Q3" s="18" t="s">
        <v>46</v>
      </c>
      <c r="R3" s="18" t="s">
        <v>46</v>
      </c>
      <c r="S3" s="18" t="s">
        <v>46</v>
      </c>
      <c r="T3" s="18" t="s">
        <v>46</v>
      </c>
      <c r="U3" s="18" t="s">
        <v>46</v>
      </c>
      <c r="V3" s="18" t="s">
        <v>46</v>
      </c>
      <c r="W3" s="18" t="s">
        <v>46</v>
      </c>
      <c r="X3" s="18" t="s">
        <v>46</v>
      </c>
      <c r="Y3" s="18" t="s">
        <v>46</v>
      </c>
      <c r="Z3" s="18" t="s">
        <v>46</v>
      </c>
      <c r="AA3" s="18" t="s">
        <v>46</v>
      </c>
      <c r="AB3" s="18" t="s">
        <v>46</v>
      </c>
      <c r="AC3" s="18" t="s">
        <v>46</v>
      </c>
      <c r="AD3" s="18" t="s">
        <v>46</v>
      </c>
      <c r="AE3" s="18" t="s">
        <v>46</v>
      </c>
      <c r="AF3" s="18" t="s">
        <v>46</v>
      </c>
      <c r="AG3" s="18" t="s">
        <v>46</v>
      </c>
      <c r="AH3" s="18" t="s">
        <v>46</v>
      </c>
      <c r="AI3" s="18" t="s">
        <v>46</v>
      </c>
      <c r="AJ3" s="18" t="s">
        <v>46</v>
      </c>
      <c r="AK3" s="18" t="s">
        <v>46</v>
      </c>
      <c r="AL3" s="18" t="s">
        <v>46</v>
      </c>
      <c r="AM3" s="18" t="s">
        <v>46</v>
      </c>
      <c r="AN3" s="18" t="s">
        <v>46</v>
      </c>
      <c r="AO3" s="18" t="s">
        <v>46</v>
      </c>
      <c r="AP3" s="18" t="s">
        <v>46</v>
      </c>
      <c r="AQ3" s="18" t="s">
        <v>46</v>
      </c>
      <c r="AR3" s="18" t="s">
        <v>46</v>
      </c>
      <c r="AS3" s="18" t="s">
        <v>46</v>
      </c>
      <c r="AT3" s="18" t="s">
        <v>325</v>
      </c>
      <c r="AU3" s="18" t="s">
        <v>46</v>
      </c>
      <c r="AV3" s="18" t="s">
        <v>46</v>
      </c>
      <c r="AW3" s="18" t="s">
        <v>46</v>
      </c>
      <c r="AX3" s="18" t="s">
        <v>325</v>
      </c>
      <c r="AY3" s="18" t="s">
        <v>46</v>
      </c>
      <c r="AZ3" s="18" t="s">
        <v>46</v>
      </c>
      <c r="BA3" s="18" t="s">
        <v>46</v>
      </c>
      <c r="BB3" s="18" t="s">
        <v>46</v>
      </c>
      <c r="BC3" s="18" t="s">
        <v>46</v>
      </c>
      <c r="BD3" s="18" t="s">
        <v>46</v>
      </c>
      <c r="BE3" s="18" t="s">
        <v>46</v>
      </c>
      <c r="BF3" s="18" t="s">
        <v>46</v>
      </c>
      <c r="BG3" s="18" t="s">
        <v>46</v>
      </c>
      <c r="BH3" s="18" t="s">
        <v>46</v>
      </c>
      <c r="BI3" s="18" t="s">
        <v>151</v>
      </c>
      <c r="BJ3" s="18" t="s">
        <v>151</v>
      </c>
      <c r="BK3" s="18" t="s">
        <v>151</v>
      </c>
      <c r="BL3" s="18" t="s">
        <v>316</v>
      </c>
      <c r="BM3" s="18" t="s">
        <v>316</v>
      </c>
      <c r="BN3" s="18" t="s">
        <v>324</v>
      </c>
      <c r="BO3" s="18" t="s">
        <v>324</v>
      </c>
      <c r="BP3" s="18" t="s">
        <v>151</v>
      </c>
      <c r="BQ3" s="18" t="s">
        <v>151</v>
      </c>
      <c r="BR3" s="18" t="s">
        <v>151</v>
      </c>
      <c r="BS3" s="18" t="s">
        <v>151</v>
      </c>
      <c r="BT3" s="18" t="s">
        <v>151</v>
      </c>
      <c r="BU3" s="18" t="s">
        <v>157</v>
      </c>
      <c r="BV3" s="18" t="s">
        <v>152</v>
      </c>
      <c r="BW3" s="18" t="s">
        <v>320</v>
      </c>
      <c r="BX3" s="18" t="s">
        <v>152</v>
      </c>
      <c r="BY3" s="18" t="s">
        <v>152</v>
      </c>
      <c r="BZ3" s="18" t="s">
        <v>320</v>
      </c>
      <c r="CA3" s="18" t="s">
        <v>320</v>
      </c>
      <c r="CB3" s="18" t="s">
        <v>320</v>
      </c>
      <c r="CC3" s="18" t="s">
        <v>320</v>
      </c>
      <c r="CD3" s="18" t="s">
        <v>320</v>
      </c>
      <c r="CE3" s="18" t="s">
        <v>320</v>
      </c>
      <c r="CF3" s="18" t="s">
        <v>320</v>
      </c>
      <c r="CG3" s="18" t="s">
        <v>320</v>
      </c>
      <c r="CH3" s="18" t="s">
        <v>320</v>
      </c>
      <c r="CI3" s="18" t="s">
        <v>320</v>
      </c>
      <c r="CJ3" s="18" t="s">
        <v>320</v>
      </c>
      <c r="CK3" s="18" t="s">
        <v>320</v>
      </c>
      <c r="CL3" s="18" t="s">
        <v>320</v>
      </c>
      <c r="CM3" s="18" t="s">
        <v>320</v>
      </c>
      <c r="CN3" s="18" t="s">
        <v>320</v>
      </c>
      <c r="CO3" s="18" t="s">
        <v>320</v>
      </c>
      <c r="CP3" s="18" t="s">
        <v>320</v>
      </c>
      <c r="CQ3" s="18" t="s">
        <v>320</v>
      </c>
      <c r="CR3" s="18" t="s">
        <v>320</v>
      </c>
      <c r="CS3" s="18" t="s">
        <v>152</v>
      </c>
      <c r="CT3" s="18" t="s">
        <v>323</v>
      </c>
      <c r="CU3" s="18" t="s">
        <v>323</v>
      </c>
      <c r="CV3" s="18" t="s">
        <v>323</v>
      </c>
      <c r="CW3" s="18" t="s">
        <v>323</v>
      </c>
      <c r="CX3" s="18" t="s">
        <v>323</v>
      </c>
      <c r="CY3" s="18" t="s">
        <v>323</v>
      </c>
      <c r="CZ3" s="18" t="s">
        <v>323</v>
      </c>
      <c r="DA3" s="18" t="s">
        <v>323</v>
      </c>
      <c r="DB3" s="18" t="s">
        <v>323</v>
      </c>
      <c r="DC3" s="18" t="s">
        <v>323</v>
      </c>
      <c r="DD3" s="18" t="s">
        <v>323</v>
      </c>
      <c r="DE3" s="18" t="s">
        <v>328</v>
      </c>
      <c r="DF3" s="18" t="s">
        <v>323</v>
      </c>
      <c r="DG3" s="18"/>
    </row>
    <row r="4" spans="1:111" ht="10" customHeight="1">
      <c r="A4" s="185" t="s">
        <v>96</v>
      </c>
      <c r="B4" s="184" t="s">
        <v>19</v>
      </c>
      <c r="C4" s="148"/>
      <c r="D4" s="148"/>
      <c r="E4" s="149"/>
      <c r="F4" s="49">
        <v>11029900</v>
      </c>
      <c r="G4" s="49">
        <v>438400</v>
      </c>
      <c r="H4" s="49">
        <v>1166800</v>
      </c>
      <c r="I4" s="49">
        <v>2800000</v>
      </c>
      <c r="J4" s="49">
        <v>643600</v>
      </c>
      <c r="K4" s="49">
        <v>93600</v>
      </c>
      <c r="L4" s="49">
        <v>1000100</v>
      </c>
      <c r="M4" s="49">
        <v>142200</v>
      </c>
      <c r="N4" s="49">
        <v>468800</v>
      </c>
      <c r="O4" s="49">
        <v>733900</v>
      </c>
      <c r="P4" s="49">
        <v>650900</v>
      </c>
      <c r="Q4" s="49">
        <v>1671300</v>
      </c>
      <c r="R4" s="49">
        <v>229600</v>
      </c>
      <c r="S4" s="49">
        <v>48900</v>
      </c>
      <c r="T4" s="49">
        <v>419500</v>
      </c>
      <c r="U4" s="49">
        <v>903900</v>
      </c>
      <c r="V4" s="49">
        <v>1021200</v>
      </c>
      <c r="W4" s="49">
        <v>402600</v>
      </c>
      <c r="X4" s="49">
        <v>850300</v>
      </c>
      <c r="Y4" s="49">
        <v>324400</v>
      </c>
      <c r="Z4" s="49">
        <v>2628100</v>
      </c>
      <c r="AA4" s="49">
        <v>94700</v>
      </c>
      <c r="AB4" s="49">
        <v>436400</v>
      </c>
      <c r="AC4" s="49">
        <v>366400</v>
      </c>
      <c r="AD4" s="49">
        <v>36900</v>
      </c>
      <c r="AE4" s="49">
        <v>567700</v>
      </c>
      <c r="AF4" s="49">
        <v>223400</v>
      </c>
      <c r="AG4" s="49">
        <v>2070300</v>
      </c>
      <c r="AH4" s="49">
        <v>176500</v>
      </c>
      <c r="AI4" s="49">
        <v>1037500</v>
      </c>
      <c r="AJ4" s="49">
        <v>404100</v>
      </c>
      <c r="AK4" s="49">
        <v>1954600</v>
      </c>
      <c r="AL4" s="49">
        <v>247600</v>
      </c>
      <c r="AM4" s="49">
        <v>212900</v>
      </c>
      <c r="AN4" s="49">
        <v>344300</v>
      </c>
      <c r="AO4" s="49">
        <v>578600</v>
      </c>
      <c r="AP4" s="49">
        <v>484200</v>
      </c>
      <c r="AQ4" s="49">
        <v>405500</v>
      </c>
      <c r="AR4" s="49">
        <v>189800</v>
      </c>
      <c r="AS4" s="49">
        <v>38200</v>
      </c>
      <c r="AT4" s="49">
        <v>27000</v>
      </c>
      <c r="AU4" s="49">
        <v>84000</v>
      </c>
      <c r="AV4" s="49">
        <v>208200</v>
      </c>
      <c r="AW4" s="49">
        <v>46300</v>
      </c>
      <c r="AX4" s="49">
        <v>45400</v>
      </c>
      <c r="AY4" s="49">
        <v>20500</v>
      </c>
      <c r="AZ4" s="49">
        <v>12500</v>
      </c>
      <c r="BA4" s="49">
        <v>219100</v>
      </c>
      <c r="BB4" s="49">
        <v>185400</v>
      </c>
      <c r="BC4" s="49">
        <v>78300</v>
      </c>
      <c r="BD4" s="49">
        <v>101000</v>
      </c>
      <c r="BE4" s="49">
        <v>27000</v>
      </c>
      <c r="BF4" s="49">
        <v>144000</v>
      </c>
      <c r="BG4" s="49">
        <v>369000</v>
      </c>
      <c r="BH4" s="49">
        <v>39105300</v>
      </c>
      <c r="BI4" s="49">
        <v>0</v>
      </c>
      <c r="BJ4" s="49">
        <v>0</v>
      </c>
      <c r="BK4" s="49">
        <v>0</v>
      </c>
      <c r="BL4" s="49">
        <v>165900</v>
      </c>
      <c r="BM4" s="49">
        <v>36100</v>
      </c>
      <c r="BN4" s="49">
        <v>0</v>
      </c>
      <c r="BO4" s="49">
        <v>0</v>
      </c>
      <c r="BP4" s="49">
        <v>73400</v>
      </c>
      <c r="BQ4" s="49">
        <v>0</v>
      </c>
      <c r="BR4" s="49">
        <v>6300</v>
      </c>
      <c r="BS4" s="49">
        <v>14700</v>
      </c>
      <c r="BT4" s="49">
        <v>115700</v>
      </c>
      <c r="BU4" s="49">
        <v>412100</v>
      </c>
      <c r="BV4" s="49">
        <v>20500</v>
      </c>
      <c r="BW4" s="49">
        <v>5800</v>
      </c>
      <c r="BX4" s="49">
        <v>0</v>
      </c>
      <c r="BY4" s="49">
        <v>6600</v>
      </c>
      <c r="BZ4" s="49">
        <v>0</v>
      </c>
      <c r="CA4" s="49">
        <v>149100</v>
      </c>
      <c r="CB4" s="49">
        <v>330000</v>
      </c>
      <c r="CC4" s="49">
        <v>0</v>
      </c>
      <c r="CD4" s="49">
        <v>0</v>
      </c>
      <c r="CE4" s="49">
        <v>0</v>
      </c>
      <c r="CF4" s="49">
        <v>0</v>
      </c>
      <c r="CG4" s="49">
        <v>0</v>
      </c>
      <c r="CH4" s="49">
        <v>0</v>
      </c>
      <c r="CI4" s="49">
        <v>0</v>
      </c>
      <c r="CJ4" s="49">
        <v>0</v>
      </c>
      <c r="CK4" s="49">
        <v>84600</v>
      </c>
      <c r="CL4" s="49">
        <v>206300</v>
      </c>
      <c r="CM4" s="49">
        <v>0</v>
      </c>
      <c r="CN4" s="49">
        <v>10700</v>
      </c>
      <c r="CO4" s="49">
        <v>5200</v>
      </c>
      <c r="CP4" s="49">
        <v>0</v>
      </c>
      <c r="CQ4" s="49">
        <v>0</v>
      </c>
      <c r="CR4" s="49">
        <v>0</v>
      </c>
      <c r="CS4" s="3">
        <v>818800</v>
      </c>
      <c r="CT4" s="49">
        <v>24900</v>
      </c>
      <c r="CU4" s="49">
        <v>0</v>
      </c>
      <c r="CV4" s="49">
        <v>3300</v>
      </c>
      <c r="CW4" s="49">
        <v>0</v>
      </c>
      <c r="CX4" s="49">
        <v>500</v>
      </c>
      <c r="CY4" s="49">
        <v>4400</v>
      </c>
      <c r="CZ4" s="49">
        <v>7600</v>
      </c>
      <c r="DA4" s="49">
        <v>15800</v>
      </c>
      <c r="DB4" s="49">
        <v>13800</v>
      </c>
      <c r="DC4" s="49">
        <v>0</v>
      </c>
      <c r="DD4" s="49">
        <v>2400</v>
      </c>
      <c r="DE4" s="49">
        <v>2100</v>
      </c>
      <c r="DF4" s="3">
        <v>74800</v>
      </c>
      <c r="DG4" s="49">
        <v>40411000</v>
      </c>
    </row>
    <row r="5" spans="1:111" ht="10" customHeight="1">
      <c r="A5" s="141"/>
      <c r="B5" s="75"/>
      <c r="C5" s="98" t="s">
        <v>97</v>
      </c>
      <c r="D5" s="90"/>
      <c r="E5" s="91"/>
      <c r="F5" s="1">
        <v>10236800</v>
      </c>
      <c r="G5" s="1">
        <v>438400</v>
      </c>
      <c r="H5" s="1">
        <v>1166800</v>
      </c>
      <c r="I5" s="1">
        <v>2800000</v>
      </c>
      <c r="J5" s="1">
        <v>543600</v>
      </c>
      <c r="K5" s="1">
        <v>43600</v>
      </c>
      <c r="L5" s="1">
        <v>1000100</v>
      </c>
      <c r="M5" s="1">
        <v>142200</v>
      </c>
      <c r="N5" s="1">
        <v>411800</v>
      </c>
      <c r="O5" s="1">
        <v>719100</v>
      </c>
      <c r="P5" s="1">
        <v>650900</v>
      </c>
      <c r="Q5" s="1">
        <v>1201300</v>
      </c>
      <c r="R5" s="1">
        <v>229600</v>
      </c>
      <c r="S5" s="1">
        <v>48900</v>
      </c>
      <c r="T5" s="1">
        <v>419500</v>
      </c>
      <c r="U5" s="1">
        <v>781200</v>
      </c>
      <c r="V5" s="1">
        <v>1021200</v>
      </c>
      <c r="W5" s="1">
        <v>402600</v>
      </c>
      <c r="X5" s="1">
        <v>653800</v>
      </c>
      <c r="Y5" s="1">
        <v>324400</v>
      </c>
      <c r="Z5" s="1">
        <v>2628100</v>
      </c>
      <c r="AA5" s="1">
        <v>94700</v>
      </c>
      <c r="AB5" s="1">
        <v>436400</v>
      </c>
      <c r="AC5" s="1">
        <v>366400</v>
      </c>
      <c r="AD5" s="1">
        <v>36900</v>
      </c>
      <c r="AE5" s="1">
        <v>567700</v>
      </c>
      <c r="AF5" s="1">
        <v>223400</v>
      </c>
      <c r="AG5" s="1">
        <v>1280000</v>
      </c>
      <c r="AH5" s="1">
        <v>176500</v>
      </c>
      <c r="AI5" s="1">
        <v>911000</v>
      </c>
      <c r="AJ5" s="1">
        <v>404100</v>
      </c>
      <c r="AK5" s="1">
        <v>1052600</v>
      </c>
      <c r="AL5" s="1">
        <v>97600</v>
      </c>
      <c r="AM5" s="1">
        <v>212900</v>
      </c>
      <c r="AN5" s="1">
        <v>121200</v>
      </c>
      <c r="AO5" s="1">
        <v>433600</v>
      </c>
      <c r="AP5" s="1">
        <v>484200</v>
      </c>
      <c r="AQ5" s="1">
        <v>252900</v>
      </c>
      <c r="AR5" s="1">
        <v>40600</v>
      </c>
      <c r="AS5" s="1">
        <v>38200</v>
      </c>
      <c r="AT5" s="1">
        <v>27000</v>
      </c>
      <c r="AU5" s="1">
        <v>84000</v>
      </c>
      <c r="AV5" s="1">
        <v>145300</v>
      </c>
      <c r="AW5" s="1">
        <v>46300</v>
      </c>
      <c r="AX5" s="1">
        <v>45400</v>
      </c>
      <c r="AY5" s="1">
        <v>20500</v>
      </c>
      <c r="AZ5" s="1">
        <v>12500</v>
      </c>
      <c r="BA5" s="1">
        <v>187600</v>
      </c>
      <c r="BB5" s="1">
        <v>185400</v>
      </c>
      <c r="BC5" s="1">
        <v>48300</v>
      </c>
      <c r="BD5" s="1">
        <v>47700</v>
      </c>
      <c r="BE5" s="1">
        <v>27000</v>
      </c>
      <c r="BF5" s="1">
        <v>144000</v>
      </c>
      <c r="BG5" s="1">
        <v>369000</v>
      </c>
      <c r="BH5" s="1">
        <v>34484800</v>
      </c>
      <c r="BI5" s="1">
        <v>0</v>
      </c>
      <c r="BJ5" s="1">
        <v>0</v>
      </c>
      <c r="BK5" s="1">
        <v>0</v>
      </c>
      <c r="BL5" s="1">
        <v>165900</v>
      </c>
      <c r="BM5" s="1">
        <v>36100</v>
      </c>
      <c r="BN5" s="1">
        <v>0</v>
      </c>
      <c r="BO5" s="1">
        <v>0</v>
      </c>
      <c r="BP5" s="1">
        <v>73400</v>
      </c>
      <c r="BQ5" s="1">
        <v>0</v>
      </c>
      <c r="BR5" s="1">
        <v>300</v>
      </c>
      <c r="BS5" s="1">
        <v>0</v>
      </c>
      <c r="BT5" s="1">
        <v>115700</v>
      </c>
      <c r="BU5" s="1">
        <v>391400</v>
      </c>
      <c r="BV5" s="1">
        <v>20500</v>
      </c>
      <c r="BW5" s="1">
        <v>5800</v>
      </c>
      <c r="BX5" s="1">
        <v>0</v>
      </c>
      <c r="BY5" s="1">
        <v>6600</v>
      </c>
      <c r="BZ5" s="1">
        <v>0</v>
      </c>
      <c r="CA5" s="1">
        <v>58600</v>
      </c>
      <c r="CB5" s="1">
        <v>53600</v>
      </c>
      <c r="CC5" s="1">
        <v>0</v>
      </c>
      <c r="CD5" s="1">
        <v>0</v>
      </c>
      <c r="CE5" s="1">
        <v>0</v>
      </c>
      <c r="CF5" s="1">
        <v>0</v>
      </c>
      <c r="CG5" s="1">
        <v>0</v>
      </c>
      <c r="CH5" s="1">
        <v>0</v>
      </c>
      <c r="CI5" s="1">
        <v>0</v>
      </c>
      <c r="CJ5" s="1">
        <v>0</v>
      </c>
      <c r="CK5" s="1">
        <v>75600</v>
      </c>
      <c r="CL5" s="1">
        <v>206300</v>
      </c>
      <c r="CM5" s="1">
        <v>0</v>
      </c>
      <c r="CN5" s="1">
        <v>10700</v>
      </c>
      <c r="CO5" s="1">
        <v>700</v>
      </c>
      <c r="CP5" s="1">
        <v>0</v>
      </c>
      <c r="CQ5" s="1">
        <v>0</v>
      </c>
      <c r="CR5" s="1">
        <v>0</v>
      </c>
      <c r="CS5" s="3">
        <v>438400</v>
      </c>
      <c r="CT5" s="1">
        <v>24900</v>
      </c>
      <c r="CU5" s="1">
        <v>0</v>
      </c>
      <c r="CV5" s="1">
        <v>3300</v>
      </c>
      <c r="CW5" s="1">
        <v>0</v>
      </c>
      <c r="CX5" s="1">
        <v>500</v>
      </c>
      <c r="CY5" s="1">
        <v>4400</v>
      </c>
      <c r="CZ5" s="1">
        <v>7600</v>
      </c>
      <c r="DA5" s="1">
        <v>15800</v>
      </c>
      <c r="DB5" s="1">
        <v>13800</v>
      </c>
      <c r="DC5" s="1">
        <v>0</v>
      </c>
      <c r="DD5" s="1">
        <v>500</v>
      </c>
      <c r="DE5" s="1">
        <v>2100</v>
      </c>
      <c r="DF5" s="3">
        <v>72900</v>
      </c>
      <c r="DG5" s="1">
        <v>35387500</v>
      </c>
    </row>
    <row r="6" spans="1:111" ht="10" customHeight="1">
      <c r="A6" s="141"/>
      <c r="B6" s="75"/>
      <c r="C6" s="114" t="s">
        <v>20</v>
      </c>
      <c r="D6" s="93"/>
      <c r="E6" s="94"/>
      <c r="F6" s="1">
        <v>793100</v>
      </c>
      <c r="G6" s="1">
        <v>0</v>
      </c>
      <c r="H6" s="1">
        <v>0</v>
      </c>
      <c r="I6" s="1">
        <v>0</v>
      </c>
      <c r="J6" s="1">
        <v>100000</v>
      </c>
      <c r="K6" s="1">
        <v>50000</v>
      </c>
      <c r="L6" s="1">
        <v>0</v>
      </c>
      <c r="M6" s="1">
        <v>0</v>
      </c>
      <c r="N6" s="1">
        <v>57000</v>
      </c>
      <c r="O6" s="1">
        <v>14800</v>
      </c>
      <c r="P6" s="1">
        <v>0</v>
      </c>
      <c r="Q6" s="1">
        <v>470000</v>
      </c>
      <c r="R6" s="1">
        <v>0</v>
      </c>
      <c r="S6" s="1">
        <v>0</v>
      </c>
      <c r="T6" s="1">
        <v>0</v>
      </c>
      <c r="U6" s="1">
        <v>122700</v>
      </c>
      <c r="V6" s="1">
        <v>0</v>
      </c>
      <c r="W6" s="1">
        <v>0</v>
      </c>
      <c r="X6" s="1">
        <v>196500</v>
      </c>
      <c r="Y6" s="1">
        <v>0</v>
      </c>
      <c r="Z6" s="1">
        <v>0</v>
      </c>
      <c r="AA6" s="1">
        <v>0</v>
      </c>
      <c r="AB6" s="1">
        <v>0</v>
      </c>
      <c r="AC6" s="1">
        <v>0</v>
      </c>
      <c r="AD6" s="1">
        <v>0</v>
      </c>
      <c r="AE6" s="1">
        <v>0</v>
      </c>
      <c r="AF6" s="1">
        <v>0</v>
      </c>
      <c r="AG6" s="1">
        <v>790300</v>
      </c>
      <c r="AH6" s="1">
        <v>0</v>
      </c>
      <c r="AI6" s="1">
        <v>126500</v>
      </c>
      <c r="AJ6" s="1">
        <v>0</v>
      </c>
      <c r="AK6" s="1">
        <v>902000</v>
      </c>
      <c r="AL6" s="1">
        <v>150000</v>
      </c>
      <c r="AM6" s="1">
        <v>0</v>
      </c>
      <c r="AN6" s="1">
        <v>223100</v>
      </c>
      <c r="AO6" s="1">
        <v>145000</v>
      </c>
      <c r="AP6" s="1">
        <v>0</v>
      </c>
      <c r="AQ6" s="1">
        <v>152600</v>
      </c>
      <c r="AR6" s="1">
        <v>149200</v>
      </c>
      <c r="AS6" s="1">
        <v>0</v>
      </c>
      <c r="AT6" s="1">
        <v>0</v>
      </c>
      <c r="AU6" s="1">
        <v>0</v>
      </c>
      <c r="AV6" s="1">
        <v>62900</v>
      </c>
      <c r="AW6" s="1">
        <v>0</v>
      </c>
      <c r="AX6" s="1">
        <v>0</v>
      </c>
      <c r="AY6" s="1">
        <v>0</v>
      </c>
      <c r="AZ6" s="1">
        <v>0</v>
      </c>
      <c r="BA6" s="1">
        <v>31500</v>
      </c>
      <c r="BB6" s="1">
        <v>0</v>
      </c>
      <c r="BC6" s="1">
        <v>30000</v>
      </c>
      <c r="BD6" s="1">
        <v>53300</v>
      </c>
      <c r="BE6" s="1">
        <v>0</v>
      </c>
      <c r="BF6" s="1">
        <v>0</v>
      </c>
      <c r="BG6" s="1">
        <v>0</v>
      </c>
      <c r="BH6" s="1">
        <v>4620500</v>
      </c>
      <c r="BI6" s="1">
        <v>0</v>
      </c>
      <c r="BJ6" s="1">
        <v>0</v>
      </c>
      <c r="BK6" s="1">
        <v>0</v>
      </c>
      <c r="BL6" s="1">
        <v>0</v>
      </c>
      <c r="BM6" s="1">
        <v>0</v>
      </c>
      <c r="BN6" s="1">
        <v>0</v>
      </c>
      <c r="BO6" s="1">
        <v>0</v>
      </c>
      <c r="BP6" s="1">
        <v>0</v>
      </c>
      <c r="BQ6" s="1">
        <v>0</v>
      </c>
      <c r="BR6" s="1">
        <v>6000</v>
      </c>
      <c r="BS6" s="1">
        <v>14700</v>
      </c>
      <c r="BT6" s="1">
        <v>0</v>
      </c>
      <c r="BU6" s="1">
        <v>20700</v>
      </c>
      <c r="BV6" s="1">
        <v>0</v>
      </c>
      <c r="BW6" s="1">
        <v>0</v>
      </c>
      <c r="BX6" s="1">
        <v>0</v>
      </c>
      <c r="BY6" s="1">
        <v>0</v>
      </c>
      <c r="BZ6" s="1">
        <v>0</v>
      </c>
      <c r="CA6" s="1">
        <v>90500</v>
      </c>
      <c r="CB6" s="1">
        <v>276400</v>
      </c>
      <c r="CC6" s="1">
        <v>0</v>
      </c>
      <c r="CD6" s="1">
        <v>0</v>
      </c>
      <c r="CE6" s="1">
        <v>0</v>
      </c>
      <c r="CF6" s="1">
        <v>0</v>
      </c>
      <c r="CG6" s="1">
        <v>0</v>
      </c>
      <c r="CH6" s="1">
        <v>0</v>
      </c>
      <c r="CI6" s="1">
        <v>0</v>
      </c>
      <c r="CJ6" s="1">
        <v>0</v>
      </c>
      <c r="CK6" s="1">
        <v>9000</v>
      </c>
      <c r="CL6" s="1">
        <v>0</v>
      </c>
      <c r="CM6" s="1">
        <v>0</v>
      </c>
      <c r="CN6" s="1">
        <v>0</v>
      </c>
      <c r="CO6" s="1">
        <v>4500</v>
      </c>
      <c r="CP6" s="1">
        <v>0</v>
      </c>
      <c r="CQ6" s="1">
        <v>0</v>
      </c>
      <c r="CR6" s="1">
        <v>0</v>
      </c>
      <c r="CS6" s="3">
        <v>380400</v>
      </c>
      <c r="CT6" s="1">
        <v>0</v>
      </c>
      <c r="CU6" s="1">
        <v>0</v>
      </c>
      <c r="CV6" s="1">
        <v>0</v>
      </c>
      <c r="CW6" s="1">
        <v>0</v>
      </c>
      <c r="CX6" s="1">
        <v>0</v>
      </c>
      <c r="CY6" s="1">
        <v>0</v>
      </c>
      <c r="CZ6" s="1">
        <v>0</v>
      </c>
      <c r="DA6" s="1">
        <v>0</v>
      </c>
      <c r="DB6" s="1">
        <v>0</v>
      </c>
      <c r="DC6" s="1">
        <v>0</v>
      </c>
      <c r="DD6" s="1">
        <v>1900</v>
      </c>
      <c r="DE6" s="1">
        <v>0</v>
      </c>
      <c r="DF6" s="3">
        <v>1900</v>
      </c>
      <c r="DG6" s="1">
        <v>5023500</v>
      </c>
    </row>
    <row r="7" spans="1:111" ht="10" customHeight="1">
      <c r="A7" s="141"/>
      <c r="B7" s="76"/>
      <c r="C7" s="30"/>
      <c r="D7" s="98" t="s">
        <v>98</v>
      </c>
      <c r="E7" s="91"/>
      <c r="F7" s="1">
        <v>0</v>
      </c>
      <c r="G7" s="1">
        <v>0</v>
      </c>
      <c r="H7" s="1">
        <v>0</v>
      </c>
      <c r="I7" s="1">
        <v>0</v>
      </c>
      <c r="J7" s="1">
        <v>100000</v>
      </c>
      <c r="K7" s="1">
        <v>50000</v>
      </c>
      <c r="L7" s="1">
        <v>0</v>
      </c>
      <c r="M7" s="1">
        <v>0</v>
      </c>
      <c r="N7" s="1">
        <v>57000</v>
      </c>
      <c r="O7" s="1">
        <v>0</v>
      </c>
      <c r="P7" s="1">
        <v>0</v>
      </c>
      <c r="Q7" s="1">
        <v>470000</v>
      </c>
      <c r="R7" s="1">
        <v>0</v>
      </c>
      <c r="S7" s="1">
        <v>0</v>
      </c>
      <c r="T7" s="1">
        <v>0</v>
      </c>
      <c r="U7" s="1">
        <v>122700</v>
      </c>
      <c r="V7" s="1">
        <v>0</v>
      </c>
      <c r="W7" s="1">
        <v>0</v>
      </c>
      <c r="X7" s="1">
        <v>196500</v>
      </c>
      <c r="Y7" s="1">
        <v>0</v>
      </c>
      <c r="Z7" s="1">
        <v>0</v>
      </c>
      <c r="AA7" s="1">
        <v>0</v>
      </c>
      <c r="AB7" s="1">
        <v>0</v>
      </c>
      <c r="AC7" s="1">
        <v>0</v>
      </c>
      <c r="AD7" s="1">
        <v>0</v>
      </c>
      <c r="AE7" s="1">
        <v>0</v>
      </c>
      <c r="AF7" s="1">
        <v>0</v>
      </c>
      <c r="AG7" s="1">
        <v>400000</v>
      </c>
      <c r="AH7" s="1">
        <v>0</v>
      </c>
      <c r="AI7" s="1">
        <v>126500</v>
      </c>
      <c r="AJ7" s="1">
        <v>0</v>
      </c>
      <c r="AK7" s="1">
        <v>902000</v>
      </c>
      <c r="AL7" s="1">
        <v>150000</v>
      </c>
      <c r="AM7" s="1">
        <v>0</v>
      </c>
      <c r="AN7" s="1">
        <v>181900</v>
      </c>
      <c r="AO7" s="1">
        <v>145000</v>
      </c>
      <c r="AP7" s="1">
        <v>0</v>
      </c>
      <c r="AQ7" s="1">
        <v>152600</v>
      </c>
      <c r="AR7" s="1">
        <v>74281</v>
      </c>
      <c r="AS7" s="1">
        <v>0</v>
      </c>
      <c r="AT7" s="1">
        <v>0</v>
      </c>
      <c r="AU7" s="1">
        <v>0</v>
      </c>
      <c r="AV7" s="1">
        <v>62900</v>
      </c>
      <c r="AW7" s="1">
        <v>0</v>
      </c>
      <c r="AX7" s="1">
        <v>0</v>
      </c>
      <c r="AY7" s="1">
        <v>0</v>
      </c>
      <c r="AZ7" s="1">
        <v>0</v>
      </c>
      <c r="BA7" s="1">
        <v>31500</v>
      </c>
      <c r="BB7" s="1">
        <v>0</v>
      </c>
      <c r="BC7" s="1">
        <v>30000</v>
      </c>
      <c r="BD7" s="1">
        <v>53300</v>
      </c>
      <c r="BE7" s="1">
        <v>0</v>
      </c>
      <c r="BF7" s="1">
        <v>0</v>
      </c>
      <c r="BG7" s="1">
        <v>0</v>
      </c>
      <c r="BH7" s="1">
        <v>3306181</v>
      </c>
      <c r="BI7" s="1">
        <v>0</v>
      </c>
      <c r="BJ7" s="1">
        <v>0</v>
      </c>
      <c r="BK7" s="1">
        <v>0</v>
      </c>
      <c r="BL7" s="1">
        <v>0</v>
      </c>
      <c r="BM7" s="1">
        <v>0</v>
      </c>
      <c r="BN7" s="1">
        <v>0</v>
      </c>
      <c r="BO7" s="1">
        <v>0</v>
      </c>
      <c r="BP7" s="1">
        <v>0</v>
      </c>
      <c r="BQ7" s="1">
        <v>0</v>
      </c>
      <c r="BR7" s="1">
        <v>6000</v>
      </c>
      <c r="BS7" s="1">
        <v>14700</v>
      </c>
      <c r="BT7" s="1">
        <v>0</v>
      </c>
      <c r="BU7" s="1">
        <v>20700</v>
      </c>
      <c r="BV7" s="1">
        <v>0</v>
      </c>
      <c r="BW7" s="1">
        <v>0</v>
      </c>
      <c r="BX7" s="1">
        <v>0</v>
      </c>
      <c r="BY7" s="1">
        <v>0</v>
      </c>
      <c r="BZ7" s="1">
        <v>0</v>
      </c>
      <c r="CA7" s="1">
        <v>90500</v>
      </c>
      <c r="CB7" s="1">
        <v>276400</v>
      </c>
      <c r="CC7" s="1">
        <v>0</v>
      </c>
      <c r="CD7" s="1">
        <v>0</v>
      </c>
      <c r="CE7" s="1">
        <v>0</v>
      </c>
      <c r="CF7" s="1">
        <v>0</v>
      </c>
      <c r="CG7" s="1">
        <v>0</v>
      </c>
      <c r="CH7" s="1">
        <v>0</v>
      </c>
      <c r="CI7" s="1">
        <v>0</v>
      </c>
      <c r="CJ7" s="1">
        <v>0</v>
      </c>
      <c r="CK7" s="1">
        <v>9000</v>
      </c>
      <c r="CL7" s="1">
        <v>0</v>
      </c>
      <c r="CM7" s="1">
        <v>0</v>
      </c>
      <c r="CN7" s="1">
        <v>0</v>
      </c>
      <c r="CO7" s="1">
        <v>4500</v>
      </c>
      <c r="CP7" s="1">
        <v>0</v>
      </c>
      <c r="CQ7" s="1">
        <v>0</v>
      </c>
      <c r="CR7" s="1">
        <v>0</v>
      </c>
      <c r="CS7" s="3">
        <v>380400</v>
      </c>
      <c r="CT7" s="1">
        <v>0</v>
      </c>
      <c r="CU7" s="1">
        <v>0</v>
      </c>
      <c r="CV7" s="1">
        <v>0</v>
      </c>
      <c r="CW7" s="1">
        <v>0</v>
      </c>
      <c r="CX7" s="1">
        <v>0</v>
      </c>
      <c r="CY7" s="1">
        <v>0</v>
      </c>
      <c r="CZ7" s="1">
        <v>0</v>
      </c>
      <c r="DA7" s="1">
        <v>0</v>
      </c>
      <c r="DB7" s="1">
        <v>0</v>
      </c>
      <c r="DC7" s="1">
        <v>0</v>
      </c>
      <c r="DD7" s="1">
        <v>0</v>
      </c>
      <c r="DE7" s="1">
        <v>0</v>
      </c>
      <c r="DF7" s="3">
        <v>0</v>
      </c>
      <c r="DG7" s="1">
        <v>3707281</v>
      </c>
    </row>
    <row r="8" spans="1:111" ht="10" customHeight="1">
      <c r="A8" s="141"/>
      <c r="B8" s="98" t="s">
        <v>99</v>
      </c>
      <c r="C8" s="90"/>
      <c r="D8" s="90"/>
      <c r="E8" s="91"/>
      <c r="F8" s="1">
        <v>0</v>
      </c>
      <c r="G8" s="1">
        <v>0</v>
      </c>
      <c r="H8" s="1">
        <v>0</v>
      </c>
      <c r="I8" s="1">
        <v>178000</v>
      </c>
      <c r="J8" s="1">
        <v>114267</v>
      </c>
      <c r="K8" s="1">
        <v>0</v>
      </c>
      <c r="L8" s="1">
        <v>0</v>
      </c>
      <c r="M8" s="1">
        <v>0</v>
      </c>
      <c r="N8" s="1">
        <v>0</v>
      </c>
      <c r="O8" s="1">
        <v>0</v>
      </c>
      <c r="P8" s="1">
        <v>0</v>
      </c>
      <c r="Q8" s="1">
        <v>0</v>
      </c>
      <c r="R8" s="1">
        <v>0</v>
      </c>
      <c r="S8" s="1">
        <v>88302</v>
      </c>
      <c r="T8" s="1">
        <v>0</v>
      </c>
      <c r="U8" s="1">
        <v>0</v>
      </c>
      <c r="V8" s="1">
        <v>486838</v>
      </c>
      <c r="W8" s="1">
        <v>834463</v>
      </c>
      <c r="X8" s="1">
        <v>0</v>
      </c>
      <c r="Y8" s="1">
        <v>0</v>
      </c>
      <c r="Z8" s="1">
        <v>0</v>
      </c>
      <c r="AA8" s="1">
        <v>0</v>
      </c>
      <c r="AB8" s="1">
        <v>0</v>
      </c>
      <c r="AC8" s="1">
        <v>0</v>
      </c>
      <c r="AD8" s="1">
        <v>0</v>
      </c>
      <c r="AE8" s="1">
        <v>0</v>
      </c>
      <c r="AF8" s="1">
        <v>0</v>
      </c>
      <c r="AG8" s="1">
        <v>0</v>
      </c>
      <c r="AH8" s="1">
        <v>0</v>
      </c>
      <c r="AI8" s="1">
        <v>0</v>
      </c>
      <c r="AJ8" s="1">
        <v>0</v>
      </c>
      <c r="AK8" s="1">
        <v>0</v>
      </c>
      <c r="AL8" s="1">
        <v>0</v>
      </c>
      <c r="AM8" s="1">
        <v>0</v>
      </c>
      <c r="AN8" s="1">
        <v>0</v>
      </c>
      <c r="AO8" s="1">
        <v>63612</v>
      </c>
      <c r="AP8" s="1">
        <v>0</v>
      </c>
      <c r="AQ8" s="1">
        <v>86100</v>
      </c>
      <c r="AR8" s="1">
        <v>0</v>
      </c>
      <c r="AS8" s="1">
        <v>0</v>
      </c>
      <c r="AT8" s="1">
        <v>0</v>
      </c>
      <c r="AU8" s="1">
        <v>0</v>
      </c>
      <c r="AV8" s="1">
        <v>0</v>
      </c>
      <c r="AW8" s="1">
        <v>42800</v>
      </c>
      <c r="AX8" s="1">
        <v>0</v>
      </c>
      <c r="AY8" s="1">
        <v>26312</v>
      </c>
      <c r="AZ8" s="1">
        <v>0</v>
      </c>
      <c r="BA8" s="1">
        <v>0</v>
      </c>
      <c r="BB8" s="1">
        <v>28742</v>
      </c>
      <c r="BC8" s="1">
        <v>0</v>
      </c>
      <c r="BD8" s="1">
        <v>0</v>
      </c>
      <c r="BE8" s="1">
        <v>9000</v>
      </c>
      <c r="BF8" s="1">
        <v>0</v>
      </c>
      <c r="BG8" s="1">
        <v>0</v>
      </c>
      <c r="BH8" s="1">
        <v>1958436</v>
      </c>
      <c r="BI8" s="1">
        <v>0</v>
      </c>
      <c r="BJ8" s="1">
        <v>0</v>
      </c>
      <c r="BK8" s="1">
        <v>0</v>
      </c>
      <c r="BL8" s="1">
        <v>0</v>
      </c>
      <c r="BM8" s="1">
        <v>0</v>
      </c>
      <c r="BN8" s="1">
        <v>0</v>
      </c>
      <c r="BO8" s="1">
        <v>0</v>
      </c>
      <c r="BP8" s="1">
        <v>67000</v>
      </c>
      <c r="BQ8" s="1">
        <v>0</v>
      </c>
      <c r="BR8" s="1">
        <v>0</v>
      </c>
      <c r="BS8" s="1">
        <v>0</v>
      </c>
      <c r="BT8" s="1">
        <v>80000</v>
      </c>
      <c r="BU8" s="1">
        <v>147000</v>
      </c>
      <c r="BV8" s="1">
        <v>0</v>
      </c>
      <c r="BW8" s="1">
        <v>0</v>
      </c>
      <c r="BX8" s="1">
        <v>0</v>
      </c>
      <c r="BY8" s="1">
        <v>0</v>
      </c>
      <c r="BZ8" s="1">
        <v>0</v>
      </c>
      <c r="CA8" s="1">
        <v>0</v>
      </c>
      <c r="CB8" s="1">
        <v>0</v>
      </c>
      <c r="CC8" s="1">
        <v>0</v>
      </c>
      <c r="CD8" s="1">
        <v>0</v>
      </c>
      <c r="CE8" s="1">
        <v>0</v>
      </c>
      <c r="CF8" s="1">
        <v>10013</v>
      </c>
      <c r="CG8" s="1">
        <v>22116</v>
      </c>
      <c r="CH8" s="1">
        <v>0</v>
      </c>
      <c r="CI8" s="1">
        <v>0</v>
      </c>
      <c r="CJ8" s="1">
        <v>0</v>
      </c>
      <c r="CK8" s="1">
        <v>0</v>
      </c>
      <c r="CL8" s="1">
        <v>0</v>
      </c>
      <c r="CM8" s="1">
        <v>0</v>
      </c>
      <c r="CN8" s="1">
        <v>0</v>
      </c>
      <c r="CO8" s="1">
        <v>1888</v>
      </c>
      <c r="CP8" s="1">
        <v>29861</v>
      </c>
      <c r="CQ8" s="1">
        <v>0</v>
      </c>
      <c r="CR8" s="1">
        <v>0</v>
      </c>
      <c r="CS8" s="3">
        <v>63878</v>
      </c>
      <c r="CT8" s="1">
        <v>0</v>
      </c>
      <c r="CU8" s="1">
        <v>0</v>
      </c>
      <c r="CV8" s="1">
        <v>0</v>
      </c>
      <c r="CW8" s="1">
        <v>0</v>
      </c>
      <c r="CX8" s="1">
        <v>0</v>
      </c>
      <c r="CY8" s="1">
        <v>0</v>
      </c>
      <c r="CZ8" s="1">
        <v>15000</v>
      </c>
      <c r="DA8" s="1">
        <v>0</v>
      </c>
      <c r="DB8" s="1">
        <v>0</v>
      </c>
      <c r="DC8" s="1">
        <v>0</v>
      </c>
      <c r="DD8" s="1">
        <v>836</v>
      </c>
      <c r="DE8" s="1">
        <v>2000</v>
      </c>
      <c r="DF8" s="3">
        <v>17836</v>
      </c>
      <c r="DG8" s="1">
        <v>2187150</v>
      </c>
    </row>
    <row r="9" spans="1:111" ht="10" customHeight="1">
      <c r="A9" s="141"/>
      <c r="B9" s="98" t="s">
        <v>90</v>
      </c>
      <c r="C9" s="90"/>
      <c r="D9" s="90"/>
      <c r="E9" s="91"/>
      <c r="F9" s="1">
        <v>0</v>
      </c>
      <c r="G9" s="1">
        <v>0</v>
      </c>
      <c r="H9" s="1">
        <v>0</v>
      </c>
      <c r="I9" s="1">
        <v>0</v>
      </c>
      <c r="J9" s="1">
        <v>0</v>
      </c>
      <c r="K9" s="1">
        <v>0</v>
      </c>
      <c r="L9" s="1">
        <v>0</v>
      </c>
      <c r="M9" s="1">
        <v>0</v>
      </c>
      <c r="N9" s="1">
        <v>0</v>
      </c>
      <c r="O9" s="1">
        <v>0</v>
      </c>
      <c r="P9" s="1">
        <v>0</v>
      </c>
      <c r="Q9" s="1">
        <v>0</v>
      </c>
      <c r="R9" s="1">
        <v>0</v>
      </c>
      <c r="S9" s="1">
        <v>0</v>
      </c>
      <c r="T9" s="1">
        <v>0</v>
      </c>
      <c r="U9" s="1">
        <v>0</v>
      </c>
      <c r="V9" s="1">
        <v>0</v>
      </c>
      <c r="W9" s="1">
        <v>0</v>
      </c>
      <c r="X9" s="1">
        <v>0</v>
      </c>
      <c r="Y9" s="1">
        <v>0</v>
      </c>
      <c r="Z9" s="1">
        <v>0</v>
      </c>
      <c r="AA9" s="1">
        <v>0</v>
      </c>
      <c r="AB9" s="1">
        <v>0</v>
      </c>
      <c r="AC9" s="1">
        <v>0</v>
      </c>
      <c r="AD9" s="1">
        <v>0</v>
      </c>
      <c r="AE9" s="1">
        <v>0</v>
      </c>
      <c r="AF9" s="1">
        <v>0</v>
      </c>
      <c r="AG9" s="1">
        <v>0</v>
      </c>
      <c r="AH9" s="1">
        <v>0</v>
      </c>
      <c r="AI9" s="1">
        <v>0</v>
      </c>
      <c r="AJ9" s="1">
        <v>0</v>
      </c>
      <c r="AK9" s="1">
        <v>0</v>
      </c>
      <c r="AL9" s="1">
        <v>0</v>
      </c>
      <c r="AM9" s="1">
        <v>0</v>
      </c>
      <c r="AN9" s="1">
        <v>0</v>
      </c>
      <c r="AO9" s="1">
        <v>0</v>
      </c>
      <c r="AP9" s="1">
        <v>0</v>
      </c>
      <c r="AQ9" s="1">
        <v>0</v>
      </c>
      <c r="AR9" s="1">
        <v>0</v>
      </c>
      <c r="AS9" s="1">
        <v>0</v>
      </c>
      <c r="AT9" s="1">
        <v>0</v>
      </c>
      <c r="AU9" s="1">
        <v>0</v>
      </c>
      <c r="AV9" s="1">
        <v>0</v>
      </c>
      <c r="AW9" s="1">
        <v>0</v>
      </c>
      <c r="AX9" s="1">
        <v>0</v>
      </c>
      <c r="AY9" s="1">
        <v>0</v>
      </c>
      <c r="AZ9" s="1">
        <v>0</v>
      </c>
      <c r="BA9" s="1">
        <v>0</v>
      </c>
      <c r="BB9" s="1">
        <v>0</v>
      </c>
      <c r="BC9" s="1">
        <v>0</v>
      </c>
      <c r="BD9" s="1">
        <v>0</v>
      </c>
      <c r="BE9" s="1">
        <v>0</v>
      </c>
      <c r="BF9" s="1">
        <v>0</v>
      </c>
      <c r="BG9" s="1">
        <v>0</v>
      </c>
      <c r="BH9" s="1">
        <v>0</v>
      </c>
      <c r="BI9" s="1">
        <v>0</v>
      </c>
      <c r="BJ9" s="1">
        <v>0</v>
      </c>
      <c r="BK9" s="1">
        <v>0</v>
      </c>
      <c r="BL9" s="1">
        <v>0</v>
      </c>
      <c r="BM9" s="1">
        <v>0</v>
      </c>
      <c r="BN9" s="1">
        <v>0</v>
      </c>
      <c r="BO9" s="1">
        <v>0</v>
      </c>
      <c r="BP9" s="1">
        <v>0</v>
      </c>
      <c r="BQ9" s="1">
        <v>0</v>
      </c>
      <c r="BR9" s="1">
        <v>0</v>
      </c>
      <c r="BS9" s="1">
        <v>0</v>
      </c>
      <c r="BT9" s="1">
        <v>0</v>
      </c>
      <c r="BU9" s="1">
        <v>0</v>
      </c>
      <c r="BV9" s="1">
        <v>0</v>
      </c>
      <c r="BW9" s="1">
        <v>0</v>
      </c>
      <c r="BX9" s="1">
        <v>0</v>
      </c>
      <c r="BY9" s="1">
        <v>0</v>
      </c>
      <c r="BZ9" s="1">
        <v>0</v>
      </c>
      <c r="CA9" s="1">
        <v>0</v>
      </c>
      <c r="CB9" s="1">
        <v>0</v>
      </c>
      <c r="CC9" s="1">
        <v>0</v>
      </c>
      <c r="CD9" s="1">
        <v>0</v>
      </c>
      <c r="CE9" s="1">
        <v>0</v>
      </c>
      <c r="CF9" s="1">
        <v>0</v>
      </c>
      <c r="CG9" s="1">
        <v>0</v>
      </c>
      <c r="CH9" s="1">
        <v>0</v>
      </c>
      <c r="CI9" s="1">
        <v>0</v>
      </c>
      <c r="CJ9" s="1">
        <v>0</v>
      </c>
      <c r="CK9" s="1">
        <v>0</v>
      </c>
      <c r="CL9" s="1">
        <v>0</v>
      </c>
      <c r="CM9" s="1">
        <v>0</v>
      </c>
      <c r="CN9" s="1">
        <v>0</v>
      </c>
      <c r="CO9" s="1">
        <v>0</v>
      </c>
      <c r="CP9" s="1">
        <v>0</v>
      </c>
      <c r="CQ9" s="1">
        <v>0</v>
      </c>
      <c r="CR9" s="1">
        <v>0</v>
      </c>
      <c r="CS9" s="3">
        <v>0</v>
      </c>
      <c r="CT9" s="1">
        <v>0</v>
      </c>
      <c r="CU9" s="1">
        <v>0</v>
      </c>
      <c r="CV9" s="1">
        <v>0</v>
      </c>
      <c r="CW9" s="1">
        <v>0</v>
      </c>
      <c r="CX9" s="1">
        <v>0</v>
      </c>
      <c r="CY9" s="1">
        <v>0</v>
      </c>
      <c r="CZ9" s="1">
        <v>0</v>
      </c>
      <c r="DA9" s="1">
        <v>0</v>
      </c>
      <c r="DB9" s="1">
        <v>0</v>
      </c>
      <c r="DC9" s="1">
        <v>0</v>
      </c>
      <c r="DD9" s="1">
        <v>0</v>
      </c>
      <c r="DE9" s="1">
        <v>0</v>
      </c>
      <c r="DF9" s="3">
        <v>0</v>
      </c>
      <c r="DG9" s="1">
        <v>0</v>
      </c>
    </row>
    <row r="10" spans="1:111" ht="10" customHeight="1">
      <c r="A10" s="141"/>
      <c r="B10" s="98" t="s">
        <v>58</v>
      </c>
      <c r="C10" s="90"/>
      <c r="D10" s="90"/>
      <c r="E10" s="91"/>
      <c r="F10" s="1">
        <v>244919</v>
      </c>
      <c r="G10" s="1">
        <v>232003</v>
      </c>
      <c r="H10" s="1">
        <v>54645</v>
      </c>
      <c r="I10" s="1">
        <v>132174</v>
      </c>
      <c r="J10" s="1">
        <v>0</v>
      </c>
      <c r="K10" s="1">
        <v>13656</v>
      </c>
      <c r="L10" s="1">
        <v>148005</v>
      </c>
      <c r="M10" s="1">
        <v>103530</v>
      </c>
      <c r="N10" s="1">
        <v>399617</v>
      </c>
      <c r="O10" s="1">
        <v>73116</v>
      </c>
      <c r="P10" s="1">
        <v>4319</v>
      </c>
      <c r="Q10" s="1">
        <v>33899</v>
      </c>
      <c r="R10" s="1">
        <v>37691</v>
      </c>
      <c r="S10" s="1">
        <v>0</v>
      </c>
      <c r="T10" s="1">
        <v>45238</v>
      </c>
      <c r="U10" s="1">
        <v>149460</v>
      </c>
      <c r="V10" s="1">
        <v>86161</v>
      </c>
      <c r="W10" s="1">
        <v>638235</v>
      </c>
      <c r="X10" s="1">
        <v>722030</v>
      </c>
      <c r="Y10" s="1">
        <v>22513</v>
      </c>
      <c r="Z10" s="1">
        <v>0</v>
      </c>
      <c r="AA10" s="1">
        <v>26418</v>
      </c>
      <c r="AB10" s="1">
        <v>25442</v>
      </c>
      <c r="AC10" s="1">
        <v>33332</v>
      </c>
      <c r="AD10" s="1">
        <v>7281</v>
      </c>
      <c r="AE10" s="1">
        <v>26933</v>
      </c>
      <c r="AF10" s="1">
        <v>250926</v>
      </c>
      <c r="AG10" s="1">
        <v>51668</v>
      </c>
      <c r="AH10" s="1">
        <v>28008</v>
      </c>
      <c r="AI10" s="1">
        <v>537507</v>
      </c>
      <c r="AJ10" s="1">
        <v>14134</v>
      </c>
      <c r="AK10" s="1">
        <v>52610</v>
      </c>
      <c r="AL10" s="1">
        <v>121336</v>
      </c>
      <c r="AM10" s="1">
        <v>271800</v>
      </c>
      <c r="AN10" s="1">
        <v>121791</v>
      </c>
      <c r="AO10" s="1">
        <v>24917</v>
      </c>
      <c r="AP10" s="1">
        <v>30434</v>
      </c>
      <c r="AQ10" s="1">
        <v>0</v>
      </c>
      <c r="AR10" s="1">
        <v>113443</v>
      </c>
      <c r="AS10" s="1">
        <v>37266</v>
      </c>
      <c r="AT10" s="1">
        <v>110563</v>
      </c>
      <c r="AU10" s="1">
        <v>97527</v>
      </c>
      <c r="AV10" s="1">
        <v>0</v>
      </c>
      <c r="AW10" s="1">
        <v>0</v>
      </c>
      <c r="AX10" s="1">
        <v>34205</v>
      </c>
      <c r="AY10" s="1">
        <v>4456</v>
      </c>
      <c r="AZ10" s="1">
        <v>7390</v>
      </c>
      <c r="BA10" s="1">
        <v>20834</v>
      </c>
      <c r="BB10" s="1">
        <v>0</v>
      </c>
      <c r="BC10" s="1">
        <v>211102</v>
      </c>
      <c r="BD10" s="1">
        <v>192815</v>
      </c>
      <c r="BE10" s="1">
        <v>14862</v>
      </c>
      <c r="BF10" s="1">
        <v>82172</v>
      </c>
      <c r="BG10" s="1">
        <v>398140</v>
      </c>
      <c r="BH10" s="1">
        <v>6090523</v>
      </c>
      <c r="BI10" s="1">
        <v>0</v>
      </c>
      <c r="BJ10" s="1">
        <v>1675</v>
      </c>
      <c r="BK10" s="1">
        <v>0</v>
      </c>
      <c r="BL10" s="1">
        <v>1841</v>
      </c>
      <c r="BM10" s="1">
        <v>61564</v>
      </c>
      <c r="BN10" s="1">
        <v>9363</v>
      </c>
      <c r="BO10" s="1">
        <v>51481</v>
      </c>
      <c r="BP10" s="1">
        <v>1217</v>
      </c>
      <c r="BQ10" s="1">
        <v>5934</v>
      </c>
      <c r="BR10" s="1">
        <v>0</v>
      </c>
      <c r="BS10" s="1">
        <v>23422</v>
      </c>
      <c r="BT10" s="1">
        <v>0</v>
      </c>
      <c r="BU10" s="1">
        <v>156497</v>
      </c>
      <c r="BV10" s="1">
        <v>30594</v>
      </c>
      <c r="BW10" s="1">
        <v>0</v>
      </c>
      <c r="BX10" s="1">
        <v>334137</v>
      </c>
      <c r="BY10" s="1">
        <v>20898</v>
      </c>
      <c r="BZ10" s="1">
        <v>1376</v>
      </c>
      <c r="CA10" s="1">
        <v>50438</v>
      </c>
      <c r="CB10" s="1">
        <v>1603</v>
      </c>
      <c r="CC10" s="1">
        <v>110000</v>
      </c>
      <c r="CD10" s="1">
        <v>16810</v>
      </c>
      <c r="CE10" s="1">
        <v>0</v>
      </c>
      <c r="CF10" s="1">
        <v>206</v>
      </c>
      <c r="CG10" s="1">
        <v>0</v>
      </c>
      <c r="CH10" s="1">
        <v>16841</v>
      </c>
      <c r="CI10" s="1">
        <v>0</v>
      </c>
      <c r="CJ10" s="1">
        <v>34879</v>
      </c>
      <c r="CK10" s="1">
        <v>0</v>
      </c>
      <c r="CL10" s="1">
        <v>108197</v>
      </c>
      <c r="CM10" s="1">
        <v>25673</v>
      </c>
      <c r="CN10" s="1">
        <v>143692</v>
      </c>
      <c r="CO10" s="1">
        <v>0</v>
      </c>
      <c r="CP10" s="1">
        <v>0</v>
      </c>
      <c r="CQ10" s="1">
        <v>4823</v>
      </c>
      <c r="CR10" s="1">
        <v>4706</v>
      </c>
      <c r="CS10" s="3">
        <v>904873</v>
      </c>
      <c r="CT10" s="1">
        <v>0</v>
      </c>
      <c r="CU10" s="1">
        <v>2600</v>
      </c>
      <c r="CV10" s="1">
        <v>7473</v>
      </c>
      <c r="CW10" s="1">
        <v>0</v>
      </c>
      <c r="CX10" s="1">
        <v>1369</v>
      </c>
      <c r="CY10" s="1">
        <v>4610</v>
      </c>
      <c r="CZ10" s="1">
        <v>0</v>
      </c>
      <c r="DA10" s="1">
        <v>0</v>
      </c>
      <c r="DB10" s="1">
        <v>20197</v>
      </c>
      <c r="DC10" s="1">
        <v>7214</v>
      </c>
      <c r="DD10" s="1">
        <v>0</v>
      </c>
      <c r="DE10" s="1">
        <v>0</v>
      </c>
      <c r="DF10" s="3">
        <v>43463</v>
      </c>
      <c r="DG10" s="1">
        <v>7195356</v>
      </c>
    </row>
    <row r="11" spans="1:111" ht="10" customHeight="1">
      <c r="A11" s="141"/>
      <c r="B11" s="120" t="s">
        <v>100</v>
      </c>
      <c r="C11" s="120"/>
      <c r="D11" s="120"/>
      <c r="E11" s="121"/>
      <c r="F11" s="1">
        <v>0</v>
      </c>
      <c r="G11" s="1">
        <v>1438</v>
      </c>
      <c r="H11" s="1">
        <v>0</v>
      </c>
      <c r="I11" s="1">
        <v>98</v>
      </c>
      <c r="J11" s="1">
        <v>0</v>
      </c>
      <c r="K11" s="1">
        <v>0</v>
      </c>
      <c r="L11" s="1">
        <v>33</v>
      </c>
      <c r="M11" s="1">
        <v>0</v>
      </c>
      <c r="N11" s="1">
        <v>0</v>
      </c>
      <c r="O11" s="1">
        <v>0</v>
      </c>
      <c r="P11" s="1">
        <v>0</v>
      </c>
      <c r="Q11" s="1">
        <v>0</v>
      </c>
      <c r="R11" s="1">
        <v>0</v>
      </c>
      <c r="S11" s="1">
        <v>0</v>
      </c>
      <c r="T11" s="1">
        <v>0</v>
      </c>
      <c r="U11" s="1">
        <v>0</v>
      </c>
      <c r="V11" s="1">
        <v>0</v>
      </c>
      <c r="W11" s="1">
        <v>0</v>
      </c>
      <c r="X11" s="1">
        <v>0</v>
      </c>
      <c r="Y11" s="1">
        <v>0</v>
      </c>
      <c r="Z11" s="1">
        <v>0</v>
      </c>
      <c r="AA11" s="1">
        <v>0</v>
      </c>
      <c r="AB11" s="1">
        <v>0</v>
      </c>
      <c r="AC11" s="1">
        <v>0</v>
      </c>
      <c r="AD11" s="1">
        <v>0</v>
      </c>
      <c r="AE11" s="1">
        <v>0</v>
      </c>
      <c r="AF11" s="1">
        <v>0</v>
      </c>
      <c r="AG11" s="1">
        <v>0</v>
      </c>
      <c r="AH11" s="1">
        <v>0</v>
      </c>
      <c r="AI11" s="1">
        <v>0</v>
      </c>
      <c r="AJ11" s="1">
        <v>0</v>
      </c>
      <c r="AK11" s="1">
        <v>0</v>
      </c>
      <c r="AL11" s="1">
        <v>0</v>
      </c>
      <c r="AM11" s="1">
        <v>0</v>
      </c>
      <c r="AN11" s="1">
        <v>0</v>
      </c>
      <c r="AO11" s="1">
        <v>0</v>
      </c>
      <c r="AP11" s="1">
        <v>0</v>
      </c>
      <c r="AQ11" s="1">
        <v>0</v>
      </c>
      <c r="AR11" s="1">
        <v>0</v>
      </c>
      <c r="AS11" s="1">
        <v>0</v>
      </c>
      <c r="AT11" s="1">
        <v>0</v>
      </c>
      <c r="AU11" s="1">
        <v>0</v>
      </c>
      <c r="AV11" s="1">
        <v>0</v>
      </c>
      <c r="AW11" s="1">
        <v>0</v>
      </c>
      <c r="AX11" s="1">
        <v>0</v>
      </c>
      <c r="AY11" s="1">
        <v>0</v>
      </c>
      <c r="AZ11" s="1">
        <v>0</v>
      </c>
      <c r="BA11" s="1">
        <v>0</v>
      </c>
      <c r="BB11" s="1">
        <v>0</v>
      </c>
      <c r="BC11" s="1">
        <v>0</v>
      </c>
      <c r="BD11" s="1">
        <v>0</v>
      </c>
      <c r="BE11" s="1">
        <v>0</v>
      </c>
      <c r="BF11" s="1">
        <v>0</v>
      </c>
      <c r="BG11" s="1">
        <v>0</v>
      </c>
      <c r="BH11" s="1">
        <v>1569</v>
      </c>
      <c r="BI11" s="1">
        <v>0</v>
      </c>
      <c r="BJ11" s="1">
        <v>0</v>
      </c>
      <c r="BK11" s="1">
        <v>0</v>
      </c>
      <c r="BL11" s="1">
        <v>0</v>
      </c>
      <c r="BM11" s="1">
        <v>0</v>
      </c>
      <c r="BN11" s="1">
        <v>0</v>
      </c>
      <c r="BO11" s="1">
        <v>0</v>
      </c>
      <c r="BP11" s="1">
        <v>0</v>
      </c>
      <c r="BQ11" s="1">
        <v>0</v>
      </c>
      <c r="BR11" s="1">
        <v>0</v>
      </c>
      <c r="BS11" s="1">
        <v>0</v>
      </c>
      <c r="BT11" s="1">
        <v>0</v>
      </c>
      <c r="BU11" s="1">
        <v>0</v>
      </c>
      <c r="BV11" s="1">
        <v>0</v>
      </c>
      <c r="BW11" s="1">
        <v>0</v>
      </c>
      <c r="BX11" s="1">
        <v>0</v>
      </c>
      <c r="BY11" s="1">
        <v>0</v>
      </c>
      <c r="BZ11" s="1">
        <v>0</v>
      </c>
      <c r="CA11" s="1">
        <v>48</v>
      </c>
      <c r="CB11" s="1">
        <v>0</v>
      </c>
      <c r="CC11" s="1">
        <v>0</v>
      </c>
      <c r="CD11" s="1">
        <v>0</v>
      </c>
      <c r="CE11" s="1">
        <v>0</v>
      </c>
      <c r="CF11" s="1">
        <v>0</v>
      </c>
      <c r="CG11" s="1">
        <v>0</v>
      </c>
      <c r="CH11" s="1">
        <v>0</v>
      </c>
      <c r="CI11" s="1">
        <v>0</v>
      </c>
      <c r="CJ11" s="1">
        <v>0</v>
      </c>
      <c r="CK11" s="1">
        <v>0</v>
      </c>
      <c r="CL11" s="1">
        <v>0</v>
      </c>
      <c r="CM11" s="1">
        <v>0</v>
      </c>
      <c r="CN11" s="1">
        <v>0</v>
      </c>
      <c r="CO11" s="1">
        <v>0</v>
      </c>
      <c r="CP11" s="1">
        <v>0</v>
      </c>
      <c r="CQ11" s="1">
        <v>0</v>
      </c>
      <c r="CR11" s="1">
        <v>0</v>
      </c>
      <c r="CS11" s="3">
        <v>48</v>
      </c>
      <c r="CT11" s="1">
        <v>0</v>
      </c>
      <c r="CU11" s="1">
        <v>0</v>
      </c>
      <c r="CV11" s="1">
        <v>0</v>
      </c>
      <c r="CW11" s="1">
        <v>0</v>
      </c>
      <c r="CX11" s="1">
        <v>0</v>
      </c>
      <c r="CY11" s="1">
        <v>0</v>
      </c>
      <c r="CZ11" s="1">
        <v>0</v>
      </c>
      <c r="DA11" s="1">
        <v>0</v>
      </c>
      <c r="DB11" s="1">
        <v>0</v>
      </c>
      <c r="DC11" s="1">
        <v>0</v>
      </c>
      <c r="DD11" s="1">
        <v>0</v>
      </c>
      <c r="DE11" s="1">
        <v>0</v>
      </c>
      <c r="DF11" s="3">
        <v>0</v>
      </c>
      <c r="DG11" s="1">
        <v>1617</v>
      </c>
    </row>
    <row r="12" spans="1:111" ht="10" customHeight="1">
      <c r="A12" s="141"/>
      <c r="B12" s="98" t="s">
        <v>18</v>
      </c>
      <c r="C12" s="90"/>
      <c r="D12" s="90"/>
      <c r="E12" s="91"/>
      <c r="F12" s="1">
        <v>379200</v>
      </c>
      <c r="G12" s="1">
        <v>52200</v>
      </c>
      <c r="H12" s="1">
        <v>533472</v>
      </c>
      <c r="I12" s="1">
        <v>343181</v>
      </c>
      <c r="J12" s="1">
        <v>93546</v>
      </c>
      <c r="K12" s="1">
        <v>24413</v>
      </c>
      <c r="L12" s="1">
        <v>135900</v>
      </c>
      <c r="M12" s="1">
        <v>172183</v>
      </c>
      <c r="N12" s="1">
        <v>103700</v>
      </c>
      <c r="O12" s="1">
        <v>416005</v>
      </c>
      <c r="P12" s="1">
        <v>157968</v>
      </c>
      <c r="Q12" s="1">
        <v>485000</v>
      </c>
      <c r="R12" s="1">
        <v>31000</v>
      </c>
      <c r="S12" s="1">
        <v>33210</v>
      </c>
      <c r="T12" s="1">
        <v>82980</v>
      </c>
      <c r="U12" s="1">
        <v>306660</v>
      </c>
      <c r="V12" s="1">
        <v>364425</v>
      </c>
      <c r="W12" s="1">
        <v>145360</v>
      </c>
      <c r="X12" s="1">
        <v>304535</v>
      </c>
      <c r="Y12" s="1">
        <v>49000</v>
      </c>
      <c r="Z12" s="1">
        <v>2507500</v>
      </c>
      <c r="AA12" s="1">
        <v>40500</v>
      </c>
      <c r="AB12" s="1">
        <v>352920</v>
      </c>
      <c r="AC12" s="1">
        <v>133750</v>
      </c>
      <c r="AD12" s="1">
        <v>0</v>
      </c>
      <c r="AE12" s="1">
        <v>12900</v>
      </c>
      <c r="AF12" s="1">
        <v>41700</v>
      </c>
      <c r="AG12" s="1">
        <v>150100</v>
      </c>
      <c r="AH12" s="1">
        <v>0</v>
      </c>
      <c r="AI12" s="1">
        <v>392543</v>
      </c>
      <c r="AJ12" s="1">
        <v>214444</v>
      </c>
      <c r="AK12" s="1">
        <v>254789</v>
      </c>
      <c r="AL12" s="1">
        <v>0</v>
      </c>
      <c r="AM12" s="1">
        <v>86240</v>
      </c>
      <c r="AN12" s="1">
        <v>36600</v>
      </c>
      <c r="AO12" s="1">
        <v>263985</v>
      </c>
      <c r="AP12" s="1">
        <v>601497</v>
      </c>
      <c r="AQ12" s="1">
        <v>171450</v>
      </c>
      <c r="AR12" s="1">
        <v>14300</v>
      </c>
      <c r="AS12" s="1">
        <v>29700</v>
      </c>
      <c r="AT12" s="1">
        <v>0</v>
      </c>
      <c r="AU12" s="1">
        <v>30100</v>
      </c>
      <c r="AV12" s="1">
        <v>63700</v>
      </c>
      <c r="AW12" s="1">
        <v>0</v>
      </c>
      <c r="AX12" s="1">
        <v>36144</v>
      </c>
      <c r="AY12" s="1">
        <v>7900</v>
      </c>
      <c r="AZ12" s="1">
        <v>0</v>
      </c>
      <c r="BA12" s="1">
        <v>90200</v>
      </c>
      <c r="BB12" s="1">
        <v>55820</v>
      </c>
      <c r="BC12" s="1">
        <v>3000</v>
      </c>
      <c r="BD12" s="1">
        <v>2500</v>
      </c>
      <c r="BE12" s="1">
        <v>23600</v>
      </c>
      <c r="BF12" s="1">
        <v>225920</v>
      </c>
      <c r="BG12" s="1">
        <v>521962</v>
      </c>
      <c r="BH12" s="1">
        <v>10579702</v>
      </c>
      <c r="BI12" s="1">
        <v>0</v>
      </c>
      <c r="BJ12" s="1">
        <v>0</v>
      </c>
      <c r="BK12" s="1">
        <v>0</v>
      </c>
      <c r="BL12" s="1">
        <v>3000</v>
      </c>
      <c r="BM12" s="1">
        <v>9000</v>
      </c>
      <c r="BN12" s="1">
        <v>0</v>
      </c>
      <c r="BO12" s="1">
        <v>4349</v>
      </c>
      <c r="BP12" s="1">
        <v>39000</v>
      </c>
      <c r="BQ12" s="1">
        <v>0</v>
      </c>
      <c r="BR12" s="1">
        <v>0</v>
      </c>
      <c r="BS12" s="1">
        <v>0</v>
      </c>
      <c r="BT12" s="1">
        <v>82900</v>
      </c>
      <c r="BU12" s="1">
        <v>138249</v>
      </c>
      <c r="BV12" s="1">
        <v>0</v>
      </c>
      <c r="BW12" s="1">
        <v>0</v>
      </c>
      <c r="BX12" s="1">
        <v>0</v>
      </c>
      <c r="BY12" s="1">
        <v>0</v>
      </c>
      <c r="BZ12" s="1">
        <v>0</v>
      </c>
      <c r="CA12" s="1">
        <v>0</v>
      </c>
      <c r="CB12" s="1">
        <v>33000</v>
      </c>
      <c r="CC12" s="1">
        <v>15900</v>
      </c>
      <c r="CD12" s="1">
        <v>0</v>
      </c>
      <c r="CE12" s="1">
        <v>0</v>
      </c>
      <c r="CF12" s="1">
        <v>0</v>
      </c>
      <c r="CG12" s="1">
        <v>0</v>
      </c>
      <c r="CH12" s="1">
        <v>0</v>
      </c>
      <c r="CI12" s="1">
        <v>0</v>
      </c>
      <c r="CJ12" s="1">
        <v>0</v>
      </c>
      <c r="CK12" s="1">
        <v>0</v>
      </c>
      <c r="CL12" s="1">
        <v>196496</v>
      </c>
      <c r="CM12" s="1">
        <v>0</v>
      </c>
      <c r="CN12" s="1">
        <v>8300</v>
      </c>
      <c r="CO12" s="1">
        <v>0</v>
      </c>
      <c r="CP12" s="1">
        <v>0</v>
      </c>
      <c r="CQ12" s="1">
        <v>0</v>
      </c>
      <c r="CR12" s="1">
        <v>0</v>
      </c>
      <c r="CS12" s="3">
        <v>253696</v>
      </c>
      <c r="CT12" s="1">
        <v>17073</v>
      </c>
      <c r="CU12" s="1">
        <v>1786</v>
      </c>
      <c r="CV12" s="1">
        <v>2829</v>
      </c>
      <c r="CW12" s="1">
        <v>1079</v>
      </c>
      <c r="CX12" s="1">
        <v>540</v>
      </c>
      <c r="CY12" s="1">
        <v>3058</v>
      </c>
      <c r="CZ12" s="1">
        <v>5441</v>
      </c>
      <c r="DA12" s="1">
        <v>7512</v>
      </c>
      <c r="DB12" s="1">
        <v>9854</v>
      </c>
      <c r="DC12" s="1">
        <v>3935</v>
      </c>
      <c r="DD12" s="1">
        <v>2134</v>
      </c>
      <c r="DE12" s="1">
        <v>2895</v>
      </c>
      <c r="DF12" s="3">
        <v>58136</v>
      </c>
      <c r="DG12" s="1">
        <v>11029783</v>
      </c>
    </row>
    <row r="13" spans="1:111" ht="10" customHeight="1">
      <c r="A13" s="141"/>
      <c r="B13" s="98" t="s">
        <v>57</v>
      </c>
      <c r="C13" s="90"/>
      <c r="D13" s="90"/>
      <c r="E13" s="91"/>
      <c r="F13" s="1">
        <v>0</v>
      </c>
      <c r="G13" s="1">
        <v>0</v>
      </c>
      <c r="H13" s="1">
        <v>0</v>
      </c>
      <c r="I13" s="1">
        <v>0</v>
      </c>
      <c r="J13" s="1">
        <v>0</v>
      </c>
      <c r="K13" s="1">
        <v>0</v>
      </c>
      <c r="L13" s="1">
        <v>0</v>
      </c>
      <c r="M13" s="1">
        <v>0</v>
      </c>
      <c r="N13" s="1">
        <v>0</v>
      </c>
      <c r="O13" s="1">
        <v>0</v>
      </c>
      <c r="P13" s="1">
        <v>0</v>
      </c>
      <c r="Q13" s="1">
        <v>0</v>
      </c>
      <c r="R13" s="1">
        <v>0</v>
      </c>
      <c r="S13" s="1">
        <v>0</v>
      </c>
      <c r="T13" s="1">
        <v>0</v>
      </c>
      <c r="U13" s="1">
        <v>0</v>
      </c>
      <c r="V13" s="1">
        <v>0</v>
      </c>
      <c r="W13" s="1">
        <v>0</v>
      </c>
      <c r="X13" s="1">
        <v>0</v>
      </c>
      <c r="Y13" s="1">
        <v>0</v>
      </c>
      <c r="Z13" s="1">
        <v>0</v>
      </c>
      <c r="AA13" s="1">
        <v>0</v>
      </c>
      <c r="AB13" s="1">
        <v>0</v>
      </c>
      <c r="AC13" s="1">
        <v>0</v>
      </c>
      <c r="AD13" s="1">
        <v>0</v>
      </c>
      <c r="AE13" s="1">
        <v>0</v>
      </c>
      <c r="AF13" s="1">
        <v>0</v>
      </c>
      <c r="AG13" s="1">
        <v>0</v>
      </c>
      <c r="AH13" s="1">
        <v>0</v>
      </c>
      <c r="AI13" s="1">
        <v>0</v>
      </c>
      <c r="AJ13" s="1">
        <v>0</v>
      </c>
      <c r="AK13" s="1">
        <v>0</v>
      </c>
      <c r="AL13" s="1">
        <v>0</v>
      </c>
      <c r="AM13" s="1">
        <v>0</v>
      </c>
      <c r="AN13" s="1">
        <v>0</v>
      </c>
      <c r="AO13" s="1">
        <v>0</v>
      </c>
      <c r="AP13" s="1">
        <v>0</v>
      </c>
      <c r="AQ13" s="1">
        <v>0</v>
      </c>
      <c r="AR13" s="1">
        <v>0</v>
      </c>
      <c r="AS13" s="1">
        <v>0</v>
      </c>
      <c r="AT13" s="1">
        <v>0</v>
      </c>
      <c r="AU13" s="1">
        <v>0</v>
      </c>
      <c r="AV13" s="1">
        <v>0</v>
      </c>
      <c r="AW13" s="1">
        <v>0</v>
      </c>
      <c r="AX13" s="1">
        <v>0</v>
      </c>
      <c r="AY13" s="1">
        <v>0</v>
      </c>
      <c r="AZ13" s="1">
        <v>0</v>
      </c>
      <c r="BA13" s="1">
        <v>0</v>
      </c>
      <c r="BB13" s="1">
        <v>0</v>
      </c>
      <c r="BC13" s="1">
        <v>0</v>
      </c>
      <c r="BD13" s="1">
        <v>0</v>
      </c>
      <c r="BE13" s="1">
        <v>0</v>
      </c>
      <c r="BF13" s="1">
        <v>0</v>
      </c>
      <c r="BG13" s="1">
        <v>0</v>
      </c>
      <c r="BH13" s="1">
        <v>0</v>
      </c>
      <c r="BI13" s="1">
        <v>0</v>
      </c>
      <c r="BJ13" s="1">
        <v>0</v>
      </c>
      <c r="BK13" s="1">
        <v>0</v>
      </c>
      <c r="BL13" s="1">
        <v>0</v>
      </c>
      <c r="BM13" s="1">
        <v>0</v>
      </c>
      <c r="BN13" s="1">
        <v>0</v>
      </c>
      <c r="BO13" s="1">
        <v>0</v>
      </c>
      <c r="BP13" s="1">
        <v>0</v>
      </c>
      <c r="BQ13" s="1">
        <v>0</v>
      </c>
      <c r="BR13" s="1">
        <v>0</v>
      </c>
      <c r="BS13" s="1">
        <v>0</v>
      </c>
      <c r="BT13" s="1">
        <v>0</v>
      </c>
      <c r="BU13" s="1">
        <v>0</v>
      </c>
      <c r="BV13" s="1">
        <v>34000</v>
      </c>
      <c r="BW13" s="1">
        <v>0</v>
      </c>
      <c r="BX13" s="1">
        <v>0</v>
      </c>
      <c r="BY13" s="1">
        <v>0</v>
      </c>
      <c r="BZ13" s="1">
        <v>0</v>
      </c>
      <c r="CA13" s="1">
        <v>18902</v>
      </c>
      <c r="CB13" s="1">
        <v>0</v>
      </c>
      <c r="CC13" s="1">
        <v>0</v>
      </c>
      <c r="CD13" s="1">
        <v>0</v>
      </c>
      <c r="CE13" s="1">
        <v>0</v>
      </c>
      <c r="CF13" s="1">
        <v>0</v>
      </c>
      <c r="CG13" s="1">
        <v>0</v>
      </c>
      <c r="CH13" s="1">
        <v>0</v>
      </c>
      <c r="CI13" s="1">
        <v>0</v>
      </c>
      <c r="CJ13" s="1">
        <v>0</v>
      </c>
      <c r="CK13" s="1">
        <v>28264</v>
      </c>
      <c r="CL13" s="1">
        <v>0</v>
      </c>
      <c r="CM13" s="1">
        <v>0</v>
      </c>
      <c r="CN13" s="1">
        <v>0</v>
      </c>
      <c r="CO13" s="1">
        <v>0</v>
      </c>
      <c r="CP13" s="1">
        <v>0</v>
      </c>
      <c r="CQ13" s="1">
        <v>0</v>
      </c>
      <c r="CR13" s="1">
        <v>0</v>
      </c>
      <c r="CS13" s="3">
        <v>81166</v>
      </c>
      <c r="CT13" s="1">
        <v>2900</v>
      </c>
      <c r="CU13" s="1">
        <v>1200</v>
      </c>
      <c r="CV13" s="1">
        <v>500</v>
      </c>
      <c r="CW13" s="1">
        <v>580</v>
      </c>
      <c r="CX13" s="1">
        <v>0</v>
      </c>
      <c r="CY13" s="1">
        <v>300</v>
      </c>
      <c r="CZ13" s="1">
        <v>600</v>
      </c>
      <c r="DA13" s="1">
        <v>891</v>
      </c>
      <c r="DB13" s="1">
        <v>1000</v>
      </c>
      <c r="DC13" s="1">
        <v>0</v>
      </c>
      <c r="DD13" s="1">
        <v>1110</v>
      </c>
      <c r="DE13" s="1">
        <v>600</v>
      </c>
      <c r="DF13" s="3">
        <v>9681</v>
      </c>
      <c r="DG13" s="1">
        <v>90847</v>
      </c>
    </row>
    <row r="14" spans="1:111" ht="10" customHeight="1">
      <c r="A14" s="141"/>
      <c r="B14" s="98" t="s">
        <v>93</v>
      </c>
      <c r="C14" s="90"/>
      <c r="D14" s="90"/>
      <c r="E14" s="91"/>
      <c r="F14" s="1">
        <v>252521</v>
      </c>
      <c r="G14" s="1">
        <v>78158</v>
      </c>
      <c r="H14" s="1">
        <v>56862</v>
      </c>
      <c r="I14" s="1">
        <v>32336</v>
      </c>
      <c r="J14" s="1">
        <v>19330</v>
      </c>
      <c r="K14" s="1">
        <v>17625</v>
      </c>
      <c r="L14" s="1">
        <v>112635</v>
      </c>
      <c r="M14" s="1">
        <v>83583</v>
      </c>
      <c r="N14" s="1">
        <v>5349</v>
      </c>
      <c r="O14" s="1">
        <v>71250</v>
      </c>
      <c r="P14" s="1">
        <v>11632</v>
      </c>
      <c r="Q14" s="1">
        <v>83716</v>
      </c>
      <c r="R14" s="1">
        <v>12679</v>
      </c>
      <c r="S14" s="1">
        <v>9909</v>
      </c>
      <c r="T14" s="1">
        <v>67424</v>
      </c>
      <c r="U14" s="1">
        <v>63238</v>
      </c>
      <c r="V14" s="1">
        <v>43817</v>
      </c>
      <c r="W14" s="1">
        <v>14805</v>
      </c>
      <c r="X14" s="1">
        <v>412</v>
      </c>
      <c r="Y14" s="1">
        <v>44</v>
      </c>
      <c r="Z14" s="1">
        <v>15515</v>
      </c>
      <c r="AA14" s="1">
        <v>25490</v>
      </c>
      <c r="AB14" s="1">
        <v>206786</v>
      </c>
      <c r="AC14" s="1">
        <v>105545</v>
      </c>
      <c r="AD14" s="1">
        <v>743</v>
      </c>
      <c r="AE14" s="1">
        <v>16413</v>
      </c>
      <c r="AF14" s="1">
        <v>1868</v>
      </c>
      <c r="AG14" s="1">
        <v>62872</v>
      </c>
      <c r="AH14" s="1">
        <v>5088</v>
      </c>
      <c r="AI14" s="1">
        <v>59239</v>
      </c>
      <c r="AJ14" s="1">
        <v>13790</v>
      </c>
      <c r="AK14" s="1">
        <v>132132</v>
      </c>
      <c r="AL14" s="1">
        <v>8748</v>
      </c>
      <c r="AM14" s="1">
        <v>9366</v>
      </c>
      <c r="AN14" s="1">
        <v>5395</v>
      </c>
      <c r="AO14" s="1">
        <v>0</v>
      </c>
      <c r="AP14" s="1">
        <v>324167</v>
      </c>
      <c r="AQ14" s="1">
        <v>128873</v>
      </c>
      <c r="AR14" s="1">
        <v>3635</v>
      </c>
      <c r="AS14" s="1">
        <v>0</v>
      </c>
      <c r="AT14" s="1">
        <v>8167</v>
      </c>
      <c r="AU14" s="1">
        <v>289</v>
      </c>
      <c r="AV14" s="1">
        <v>29273</v>
      </c>
      <c r="AW14" s="1">
        <v>0</v>
      </c>
      <c r="AX14" s="1">
        <v>109</v>
      </c>
      <c r="AY14" s="1">
        <v>5066</v>
      </c>
      <c r="AZ14" s="1">
        <v>0</v>
      </c>
      <c r="BA14" s="1">
        <v>6027</v>
      </c>
      <c r="BB14" s="1">
        <v>33995</v>
      </c>
      <c r="BC14" s="1">
        <v>9766</v>
      </c>
      <c r="BD14" s="1">
        <v>2741</v>
      </c>
      <c r="BE14" s="1">
        <v>305</v>
      </c>
      <c r="BF14" s="1">
        <v>27246</v>
      </c>
      <c r="BG14" s="1">
        <v>2883</v>
      </c>
      <c r="BH14" s="1">
        <v>2288857</v>
      </c>
      <c r="BI14" s="1">
        <v>0</v>
      </c>
      <c r="BJ14" s="1">
        <v>0</v>
      </c>
      <c r="BK14" s="1">
        <v>0</v>
      </c>
      <c r="BL14" s="1">
        <v>11749</v>
      </c>
      <c r="BM14" s="1">
        <v>0</v>
      </c>
      <c r="BN14" s="1">
        <v>0</v>
      </c>
      <c r="BO14" s="1">
        <v>1621</v>
      </c>
      <c r="BP14" s="1">
        <v>0</v>
      </c>
      <c r="BQ14" s="1">
        <v>0</v>
      </c>
      <c r="BR14" s="1">
        <v>603</v>
      </c>
      <c r="BS14" s="1">
        <v>669</v>
      </c>
      <c r="BT14" s="1">
        <v>6664</v>
      </c>
      <c r="BU14" s="1">
        <v>21306</v>
      </c>
      <c r="BV14" s="1">
        <v>7725</v>
      </c>
      <c r="BW14" s="1">
        <v>0</v>
      </c>
      <c r="BX14" s="1">
        <v>4125</v>
      </c>
      <c r="BY14" s="1">
        <v>1260</v>
      </c>
      <c r="BZ14" s="1">
        <v>648</v>
      </c>
      <c r="CA14" s="1">
        <v>14018</v>
      </c>
      <c r="CB14" s="1">
        <v>2414</v>
      </c>
      <c r="CC14" s="1">
        <v>1426</v>
      </c>
      <c r="CD14" s="1">
        <v>0</v>
      </c>
      <c r="CE14" s="1">
        <v>0</v>
      </c>
      <c r="CF14" s="1">
        <v>0</v>
      </c>
      <c r="CG14" s="1">
        <v>330</v>
      </c>
      <c r="CH14" s="1">
        <v>0</v>
      </c>
      <c r="CI14" s="1">
        <v>0</v>
      </c>
      <c r="CJ14" s="1">
        <v>700</v>
      </c>
      <c r="CK14" s="1">
        <v>750</v>
      </c>
      <c r="CL14" s="1">
        <v>3500</v>
      </c>
      <c r="CM14" s="1">
        <v>1500</v>
      </c>
      <c r="CN14" s="1">
        <v>4000</v>
      </c>
      <c r="CO14" s="1">
        <v>0</v>
      </c>
      <c r="CP14" s="1">
        <v>0</v>
      </c>
      <c r="CQ14" s="1">
        <v>0</v>
      </c>
      <c r="CR14" s="1">
        <v>0</v>
      </c>
      <c r="CS14" s="3">
        <v>42396</v>
      </c>
      <c r="CT14" s="1">
        <v>4530</v>
      </c>
      <c r="CU14" s="1">
        <v>317</v>
      </c>
      <c r="CV14" s="1">
        <v>736</v>
      </c>
      <c r="CW14" s="1">
        <v>216</v>
      </c>
      <c r="CX14" s="1">
        <v>113</v>
      </c>
      <c r="CY14" s="1">
        <v>1162</v>
      </c>
      <c r="CZ14" s="1">
        <v>2156</v>
      </c>
      <c r="DA14" s="1">
        <v>3351</v>
      </c>
      <c r="DB14" s="1">
        <v>2573</v>
      </c>
      <c r="DC14" s="1">
        <v>569</v>
      </c>
      <c r="DD14" s="1">
        <v>521</v>
      </c>
      <c r="DE14" s="1">
        <v>1772</v>
      </c>
      <c r="DF14" s="3">
        <v>18016</v>
      </c>
      <c r="DG14" s="1">
        <v>2370575</v>
      </c>
    </row>
    <row r="15" spans="1:111" ht="10" customHeight="1">
      <c r="A15" s="141"/>
      <c r="B15" s="98" t="s">
        <v>20</v>
      </c>
      <c r="C15" s="90"/>
      <c r="D15" s="90"/>
      <c r="E15" s="91"/>
      <c r="F15" s="1">
        <v>3089</v>
      </c>
      <c r="G15" s="1">
        <v>0</v>
      </c>
      <c r="H15" s="1">
        <v>0</v>
      </c>
      <c r="I15" s="1">
        <v>0</v>
      </c>
      <c r="J15" s="1">
        <v>43</v>
      </c>
      <c r="K15" s="1">
        <v>0</v>
      </c>
      <c r="L15" s="1">
        <v>2608</v>
      </c>
      <c r="M15" s="1">
        <v>0</v>
      </c>
      <c r="N15" s="1">
        <v>1902</v>
      </c>
      <c r="O15" s="1">
        <v>0</v>
      </c>
      <c r="P15" s="1">
        <v>0</v>
      </c>
      <c r="Q15" s="1">
        <v>0</v>
      </c>
      <c r="R15" s="1">
        <v>21961</v>
      </c>
      <c r="S15" s="1">
        <v>0</v>
      </c>
      <c r="T15" s="1">
        <v>0</v>
      </c>
      <c r="U15" s="1">
        <v>1260</v>
      </c>
      <c r="V15" s="1">
        <v>1850</v>
      </c>
      <c r="W15" s="1">
        <v>0</v>
      </c>
      <c r="X15" s="1">
        <v>0</v>
      </c>
      <c r="Y15" s="1">
        <v>0</v>
      </c>
      <c r="Z15" s="1">
        <v>0</v>
      </c>
      <c r="AA15" s="1">
        <v>0</v>
      </c>
      <c r="AB15" s="1">
        <v>0</v>
      </c>
      <c r="AC15" s="1">
        <v>37579</v>
      </c>
      <c r="AD15" s="1">
        <v>0</v>
      </c>
      <c r="AE15" s="1">
        <v>0</v>
      </c>
      <c r="AF15" s="1">
        <v>408</v>
      </c>
      <c r="AG15" s="1">
        <v>1700</v>
      </c>
      <c r="AH15" s="1">
        <v>0</v>
      </c>
      <c r="AI15" s="1">
        <v>1620</v>
      </c>
      <c r="AJ15" s="1">
        <v>2360</v>
      </c>
      <c r="AK15" s="1">
        <v>0</v>
      </c>
      <c r="AL15" s="1">
        <v>0</v>
      </c>
      <c r="AM15" s="1">
        <v>0</v>
      </c>
      <c r="AN15" s="1">
        <v>0</v>
      </c>
      <c r="AO15" s="1">
        <v>0</v>
      </c>
      <c r="AP15" s="1">
        <v>0</v>
      </c>
      <c r="AQ15" s="1">
        <v>0</v>
      </c>
      <c r="AR15" s="1">
        <v>0</v>
      </c>
      <c r="AS15" s="1">
        <v>0</v>
      </c>
      <c r="AT15" s="1">
        <v>0</v>
      </c>
      <c r="AU15" s="1">
        <v>0</v>
      </c>
      <c r="AV15" s="1">
        <v>0</v>
      </c>
      <c r="AW15" s="1">
        <v>0</v>
      </c>
      <c r="AX15" s="1">
        <v>0</v>
      </c>
      <c r="AY15" s="1">
        <v>0</v>
      </c>
      <c r="AZ15" s="1">
        <v>0</v>
      </c>
      <c r="BA15" s="1">
        <v>0</v>
      </c>
      <c r="BB15" s="1">
        <v>0</v>
      </c>
      <c r="BC15" s="1">
        <v>0</v>
      </c>
      <c r="BD15" s="1">
        <v>0</v>
      </c>
      <c r="BE15" s="1">
        <v>0</v>
      </c>
      <c r="BF15" s="1">
        <v>1712</v>
      </c>
      <c r="BG15" s="1">
        <v>1355</v>
      </c>
      <c r="BH15" s="1">
        <v>79447</v>
      </c>
      <c r="BI15" s="1">
        <v>0</v>
      </c>
      <c r="BJ15" s="1">
        <v>0</v>
      </c>
      <c r="BK15" s="1">
        <v>0</v>
      </c>
      <c r="BL15" s="1">
        <v>0</v>
      </c>
      <c r="BM15" s="1">
        <v>0</v>
      </c>
      <c r="BN15" s="1">
        <v>0</v>
      </c>
      <c r="BO15" s="1">
        <v>0</v>
      </c>
      <c r="BP15" s="1">
        <v>0</v>
      </c>
      <c r="BQ15" s="1">
        <v>0</v>
      </c>
      <c r="BR15" s="1">
        <v>0</v>
      </c>
      <c r="BS15" s="1">
        <v>0</v>
      </c>
      <c r="BT15" s="1">
        <v>0</v>
      </c>
      <c r="BU15" s="1">
        <v>0</v>
      </c>
      <c r="BV15" s="1">
        <v>0</v>
      </c>
      <c r="BW15" s="1">
        <v>0</v>
      </c>
      <c r="BX15" s="1">
        <v>56</v>
      </c>
      <c r="BY15" s="1">
        <v>4212</v>
      </c>
      <c r="BZ15" s="1">
        <v>0</v>
      </c>
      <c r="CA15" s="1">
        <v>2059</v>
      </c>
      <c r="CB15" s="1">
        <v>120</v>
      </c>
      <c r="CC15" s="1">
        <v>0</v>
      </c>
      <c r="CD15" s="1">
        <v>320</v>
      </c>
      <c r="CE15" s="1">
        <v>0</v>
      </c>
      <c r="CF15" s="1">
        <v>0</v>
      </c>
      <c r="CG15" s="1">
        <v>0</v>
      </c>
      <c r="CH15" s="1">
        <v>0</v>
      </c>
      <c r="CI15" s="1">
        <v>80</v>
      </c>
      <c r="CJ15" s="1">
        <v>0</v>
      </c>
      <c r="CK15" s="1">
        <v>0</v>
      </c>
      <c r="CL15" s="1">
        <v>0</v>
      </c>
      <c r="CM15" s="1">
        <v>0</v>
      </c>
      <c r="CN15" s="1">
        <v>0</v>
      </c>
      <c r="CO15" s="1">
        <v>0</v>
      </c>
      <c r="CP15" s="1">
        <v>0</v>
      </c>
      <c r="CQ15" s="1">
        <v>0</v>
      </c>
      <c r="CR15" s="1">
        <v>0</v>
      </c>
      <c r="CS15" s="3">
        <v>6847</v>
      </c>
      <c r="CT15" s="1">
        <v>0</v>
      </c>
      <c r="CU15" s="1">
        <v>0</v>
      </c>
      <c r="CV15" s="1">
        <v>0</v>
      </c>
      <c r="CW15" s="1">
        <v>0</v>
      </c>
      <c r="CX15" s="1">
        <v>0</v>
      </c>
      <c r="CY15" s="1">
        <v>0</v>
      </c>
      <c r="CZ15" s="1">
        <v>0</v>
      </c>
      <c r="DA15" s="1">
        <v>0</v>
      </c>
      <c r="DB15" s="1">
        <v>0</v>
      </c>
      <c r="DC15" s="1">
        <v>0</v>
      </c>
      <c r="DD15" s="1">
        <v>0</v>
      </c>
      <c r="DE15" s="1">
        <v>0</v>
      </c>
      <c r="DF15" s="3">
        <v>0</v>
      </c>
      <c r="DG15" s="1">
        <v>86294</v>
      </c>
    </row>
    <row r="16" spans="1:111" ht="10" customHeight="1">
      <c r="A16" s="141"/>
      <c r="B16" s="114" t="s">
        <v>101</v>
      </c>
      <c r="C16" s="114"/>
      <c r="D16" s="93"/>
      <c r="E16" s="94"/>
      <c r="F16" s="1">
        <v>11909629</v>
      </c>
      <c r="G16" s="1">
        <v>802199</v>
      </c>
      <c r="H16" s="1">
        <v>1811779</v>
      </c>
      <c r="I16" s="1">
        <v>3485789</v>
      </c>
      <c r="J16" s="1">
        <v>870786</v>
      </c>
      <c r="K16" s="1">
        <v>149294</v>
      </c>
      <c r="L16" s="1">
        <v>1399281</v>
      </c>
      <c r="M16" s="1">
        <v>501496</v>
      </c>
      <c r="N16" s="1">
        <v>979368</v>
      </c>
      <c r="O16" s="1">
        <v>1294271</v>
      </c>
      <c r="P16" s="1">
        <v>824819</v>
      </c>
      <c r="Q16" s="1">
        <v>2273915</v>
      </c>
      <c r="R16" s="1">
        <v>332931</v>
      </c>
      <c r="S16" s="1">
        <v>180321</v>
      </c>
      <c r="T16" s="1">
        <v>615142</v>
      </c>
      <c r="U16" s="1">
        <v>1424518</v>
      </c>
      <c r="V16" s="1">
        <v>2004291</v>
      </c>
      <c r="W16" s="1">
        <v>2035463</v>
      </c>
      <c r="X16" s="1">
        <v>1877277</v>
      </c>
      <c r="Y16" s="1">
        <v>395957</v>
      </c>
      <c r="Z16" s="1">
        <v>5151115</v>
      </c>
      <c r="AA16" s="1">
        <v>187108</v>
      </c>
      <c r="AB16" s="1">
        <v>1021548</v>
      </c>
      <c r="AC16" s="1">
        <v>676606</v>
      </c>
      <c r="AD16" s="1">
        <v>44924</v>
      </c>
      <c r="AE16" s="1">
        <v>623946</v>
      </c>
      <c r="AF16" s="1">
        <v>518302</v>
      </c>
      <c r="AG16" s="1">
        <v>2336640</v>
      </c>
      <c r="AH16" s="1">
        <v>209596</v>
      </c>
      <c r="AI16" s="1">
        <v>2028409</v>
      </c>
      <c r="AJ16" s="1">
        <v>648828</v>
      </c>
      <c r="AK16" s="1">
        <v>2394131</v>
      </c>
      <c r="AL16" s="1">
        <v>377684</v>
      </c>
      <c r="AM16" s="1">
        <v>580306</v>
      </c>
      <c r="AN16" s="1">
        <v>508086</v>
      </c>
      <c r="AO16" s="1">
        <v>931114</v>
      </c>
      <c r="AP16" s="1">
        <v>1440298</v>
      </c>
      <c r="AQ16" s="1">
        <v>791923</v>
      </c>
      <c r="AR16" s="1">
        <v>321178</v>
      </c>
      <c r="AS16" s="1">
        <v>105166</v>
      </c>
      <c r="AT16" s="1">
        <v>145730</v>
      </c>
      <c r="AU16" s="1">
        <v>211916</v>
      </c>
      <c r="AV16" s="1">
        <v>301173</v>
      </c>
      <c r="AW16" s="1">
        <v>89100</v>
      </c>
      <c r="AX16" s="1">
        <v>115858</v>
      </c>
      <c r="AY16" s="1">
        <v>64234</v>
      </c>
      <c r="AZ16" s="1">
        <v>19890</v>
      </c>
      <c r="BA16" s="1">
        <v>336161</v>
      </c>
      <c r="BB16" s="1">
        <v>303957</v>
      </c>
      <c r="BC16" s="1">
        <v>302168</v>
      </c>
      <c r="BD16" s="1">
        <v>299056</v>
      </c>
      <c r="BE16" s="1">
        <v>74767</v>
      </c>
      <c r="BF16" s="1">
        <v>481050</v>
      </c>
      <c r="BG16" s="1">
        <v>1293340</v>
      </c>
      <c r="BH16" s="1">
        <v>60103834</v>
      </c>
      <c r="BI16" s="1">
        <v>0</v>
      </c>
      <c r="BJ16" s="1">
        <v>1675</v>
      </c>
      <c r="BK16" s="1">
        <v>0</v>
      </c>
      <c r="BL16" s="1">
        <v>182490</v>
      </c>
      <c r="BM16" s="1">
        <v>106664</v>
      </c>
      <c r="BN16" s="1">
        <v>9363</v>
      </c>
      <c r="BO16" s="1">
        <v>57451</v>
      </c>
      <c r="BP16" s="1">
        <v>180617</v>
      </c>
      <c r="BQ16" s="1">
        <v>5934</v>
      </c>
      <c r="BR16" s="1">
        <v>6903</v>
      </c>
      <c r="BS16" s="1">
        <v>38791</v>
      </c>
      <c r="BT16" s="1">
        <v>285264</v>
      </c>
      <c r="BU16" s="1">
        <v>875152</v>
      </c>
      <c r="BV16" s="1">
        <v>92819</v>
      </c>
      <c r="BW16" s="1">
        <v>5800</v>
      </c>
      <c r="BX16" s="1">
        <v>338318</v>
      </c>
      <c r="BY16" s="1">
        <v>32970</v>
      </c>
      <c r="BZ16" s="1">
        <v>2024</v>
      </c>
      <c r="CA16" s="1">
        <v>234565</v>
      </c>
      <c r="CB16" s="1">
        <v>367137</v>
      </c>
      <c r="CC16" s="1">
        <v>127326</v>
      </c>
      <c r="CD16" s="1">
        <v>17130</v>
      </c>
      <c r="CE16" s="1">
        <v>0</v>
      </c>
      <c r="CF16" s="1">
        <v>10219</v>
      </c>
      <c r="CG16" s="1">
        <v>22446</v>
      </c>
      <c r="CH16" s="1">
        <v>16841</v>
      </c>
      <c r="CI16" s="1">
        <v>80</v>
      </c>
      <c r="CJ16" s="1">
        <v>35579</v>
      </c>
      <c r="CK16" s="1">
        <v>113614</v>
      </c>
      <c r="CL16" s="1">
        <v>514493</v>
      </c>
      <c r="CM16" s="1">
        <v>27173</v>
      </c>
      <c r="CN16" s="1">
        <v>166692</v>
      </c>
      <c r="CO16" s="1">
        <v>7088</v>
      </c>
      <c r="CP16" s="1">
        <v>29861</v>
      </c>
      <c r="CQ16" s="1">
        <v>4823</v>
      </c>
      <c r="CR16" s="1">
        <v>4706</v>
      </c>
      <c r="CS16" s="3">
        <v>2171704</v>
      </c>
      <c r="CT16" s="1">
        <v>49403</v>
      </c>
      <c r="CU16" s="1">
        <v>5903</v>
      </c>
      <c r="CV16" s="1">
        <v>14838</v>
      </c>
      <c r="CW16" s="1">
        <v>1875</v>
      </c>
      <c r="CX16" s="1">
        <v>2522</v>
      </c>
      <c r="CY16" s="1">
        <v>13530</v>
      </c>
      <c r="CZ16" s="1">
        <v>30797</v>
      </c>
      <c r="DA16" s="1">
        <v>27554</v>
      </c>
      <c r="DB16" s="1">
        <v>47424</v>
      </c>
      <c r="DC16" s="1">
        <v>11718</v>
      </c>
      <c r="DD16" s="1">
        <v>7001</v>
      </c>
      <c r="DE16" s="1">
        <v>9367</v>
      </c>
      <c r="DF16" s="3">
        <v>221932</v>
      </c>
      <c r="DG16" s="1">
        <v>63372622</v>
      </c>
    </row>
    <row r="17" spans="1:111" ht="10" customHeight="1">
      <c r="A17" s="141"/>
      <c r="B17" s="31"/>
      <c r="C17" s="114" t="s">
        <v>102</v>
      </c>
      <c r="D17" s="93"/>
      <c r="E17" s="94"/>
      <c r="F17" s="77"/>
      <c r="G17" s="77"/>
      <c r="H17" s="77"/>
      <c r="I17" s="77"/>
      <c r="J17" s="77"/>
      <c r="K17" s="77"/>
      <c r="L17" s="77"/>
      <c r="M17" s="77"/>
      <c r="N17" s="77"/>
      <c r="O17" s="77"/>
      <c r="P17" s="77"/>
      <c r="Q17" s="77"/>
      <c r="R17" s="77"/>
      <c r="S17" s="77"/>
      <c r="T17" s="77"/>
      <c r="U17" s="77"/>
      <c r="V17" s="77"/>
      <c r="W17" s="77"/>
      <c r="X17" s="77"/>
      <c r="Y17" s="77"/>
      <c r="Z17" s="77"/>
      <c r="AA17" s="77"/>
      <c r="AB17" s="77"/>
      <c r="AC17" s="77"/>
      <c r="AD17" s="77"/>
      <c r="AE17" s="77"/>
      <c r="AF17" s="77"/>
      <c r="AG17" s="77"/>
      <c r="AH17" s="77"/>
      <c r="AI17" s="77"/>
      <c r="AJ17" s="77"/>
      <c r="AK17" s="77"/>
      <c r="AL17" s="77"/>
      <c r="AM17" s="77"/>
      <c r="AN17" s="77"/>
      <c r="AO17" s="77"/>
      <c r="AP17" s="77"/>
      <c r="AQ17" s="77"/>
      <c r="AR17" s="77"/>
      <c r="AS17" s="77"/>
      <c r="AT17" s="77"/>
      <c r="AU17" s="77"/>
      <c r="AV17" s="77"/>
      <c r="AW17" s="77"/>
      <c r="AX17" s="77"/>
      <c r="AY17" s="77"/>
      <c r="AZ17" s="77"/>
      <c r="BA17" s="77"/>
      <c r="BB17" s="77"/>
      <c r="BC17" s="77"/>
      <c r="BD17" s="77"/>
      <c r="BE17" s="77"/>
      <c r="BF17" s="77"/>
      <c r="BG17" s="77"/>
      <c r="BH17" s="77">
        <v>0</v>
      </c>
      <c r="BI17" s="77"/>
      <c r="BJ17" s="77"/>
      <c r="BK17" s="77"/>
      <c r="BL17" s="77"/>
      <c r="BM17" s="77"/>
      <c r="BN17" s="77"/>
      <c r="BO17" s="77"/>
      <c r="BP17" s="77"/>
      <c r="BQ17" s="77"/>
      <c r="BR17" s="77"/>
      <c r="BS17" s="77"/>
      <c r="BT17" s="77"/>
      <c r="BU17" s="77">
        <v>0</v>
      </c>
      <c r="BV17" s="77"/>
      <c r="BW17" s="77"/>
      <c r="BX17" s="77"/>
      <c r="BY17" s="77"/>
      <c r="BZ17" s="77"/>
      <c r="CA17" s="77"/>
      <c r="CB17" s="77"/>
      <c r="CC17" s="77"/>
      <c r="CD17" s="77"/>
      <c r="CE17" s="77"/>
      <c r="CF17" s="77"/>
      <c r="CG17" s="77"/>
      <c r="CH17" s="77"/>
      <c r="CI17" s="77"/>
      <c r="CJ17" s="77"/>
      <c r="CK17" s="77"/>
      <c r="CL17" s="77"/>
      <c r="CM17" s="77"/>
      <c r="CN17" s="77"/>
      <c r="CO17" s="77"/>
      <c r="CP17" s="77"/>
      <c r="CQ17" s="77"/>
      <c r="CR17" s="77"/>
      <c r="CS17" s="3">
        <v>0</v>
      </c>
      <c r="CT17" s="77"/>
      <c r="CU17" s="77"/>
      <c r="CV17" s="77"/>
      <c r="CW17" s="77"/>
      <c r="CX17" s="77"/>
      <c r="CY17" s="77"/>
      <c r="CZ17" s="77"/>
      <c r="DA17" s="77"/>
      <c r="DB17" s="77"/>
      <c r="DC17" s="77"/>
      <c r="DD17" s="77"/>
      <c r="DE17" s="77"/>
      <c r="DF17" s="3">
        <v>0</v>
      </c>
      <c r="DG17" s="1">
        <v>0</v>
      </c>
    </row>
    <row r="18" spans="1:111" ht="10" customHeight="1">
      <c r="A18" s="141"/>
      <c r="B18" s="54"/>
      <c r="C18" s="165" t="s">
        <v>103</v>
      </c>
      <c r="D18" s="193"/>
      <c r="E18" s="194"/>
      <c r="F18" s="3">
        <v>60400</v>
      </c>
      <c r="G18" s="3">
        <v>0</v>
      </c>
      <c r="H18" s="3">
        <v>0</v>
      </c>
      <c r="I18" s="3">
        <v>0</v>
      </c>
      <c r="J18" s="3">
        <v>0</v>
      </c>
      <c r="K18" s="3">
        <v>0</v>
      </c>
      <c r="L18" s="3">
        <v>14500</v>
      </c>
      <c r="M18" s="3">
        <v>0</v>
      </c>
      <c r="N18" s="3">
        <v>0</v>
      </c>
      <c r="O18" s="3">
        <v>385750</v>
      </c>
      <c r="P18" s="3">
        <v>0</v>
      </c>
      <c r="Q18" s="3">
        <v>0</v>
      </c>
      <c r="R18" s="3">
        <v>0</v>
      </c>
      <c r="S18" s="3">
        <v>0</v>
      </c>
      <c r="T18" s="3">
        <v>32780</v>
      </c>
      <c r="U18" s="3">
        <v>0</v>
      </c>
      <c r="V18" s="3">
        <v>0</v>
      </c>
      <c r="W18" s="3">
        <v>5230</v>
      </c>
      <c r="X18" s="3">
        <v>0</v>
      </c>
      <c r="Y18" s="3">
        <v>0</v>
      </c>
      <c r="Z18" s="3">
        <v>290800</v>
      </c>
      <c r="AA18" s="3">
        <v>0</v>
      </c>
      <c r="AB18" s="3">
        <v>0</v>
      </c>
      <c r="AC18" s="3">
        <v>0</v>
      </c>
      <c r="AD18" s="3">
        <v>0</v>
      </c>
      <c r="AE18" s="3">
        <v>0</v>
      </c>
      <c r="AF18" s="3">
        <v>0</v>
      </c>
      <c r="AG18" s="3">
        <v>0</v>
      </c>
      <c r="AH18" s="3">
        <v>0</v>
      </c>
      <c r="AI18" s="3">
        <v>0</v>
      </c>
      <c r="AJ18" s="3">
        <v>0</v>
      </c>
      <c r="AK18" s="3">
        <v>328440</v>
      </c>
      <c r="AL18" s="3">
        <v>0</v>
      </c>
      <c r="AM18" s="3">
        <v>0</v>
      </c>
      <c r="AN18" s="3">
        <v>0</v>
      </c>
      <c r="AO18" s="3">
        <v>0</v>
      </c>
      <c r="AP18" s="3">
        <v>0</v>
      </c>
      <c r="AQ18" s="3">
        <v>0</v>
      </c>
      <c r="AR18" s="3">
        <v>0</v>
      </c>
      <c r="AS18" s="3">
        <v>0</v>
      </c>
      <c r="AT18" s="3">
        <v>0</v>
      </c>
      <c r="AU18" s="3">
        <v>0</v>
      </c>
      <c r="AV18" s="3">
        <v>0</v>
      </c>
      <c r="AW18" s="3">
        <v>0</v>
      </c>
      <c r="AX18" s="3">
        <v>0</v>
      </c>
      <c r="AY18" s="3">
        <v>0</v>
      </c>
      <c r="AZ18" s="3">
        <v>0</v>
      </c>
      <c r="BA18" s="3">
        <v>0</v>
      </c>
      <c r="BB18" s="3">
        <v>102482</v>
      </c>
      <c r="BC18" s="3">
        <v>0</v>
      </c>
      <c r="BD18" s="3">
        <v>0</v>
      </c>
      <c r="BE18" s="3">
        <v>0</v>
      </c>
      <c r="BF18" s="3">
        <v>0</v>
      </c>
      <c r="BG18" s="3">
        <v>0</v>
      </c>
      <c r="BH18" s="3">
        <v>1220382</v>
      </c>
      <c r="BI18" s="3">
        <v>0</v>
      </c>
      <c r="BJ18" s="3">
        <v>0</v>
      </c>
      <c r="BK18" s="3">
        <v>0</v>
      </c>
      <c r="BL18" s="3">
        <v>0</v>
      </c>
      <c r="BM18" s="3">
        <v>0</v>
      </c>
      <c r="BN18" s="3">
        <v>0</v>
      </c>
      <c r="BO18" s="3">
        <v>0</v>
      </c>
      <c r="BP18" s="3">
        <v>0</v>
      </c>
      <c r="BQ18" s="3">
        <v>0</v>
      </c>
      <c r="BR18" s="3">
        <v>0</v>
      </c>
      <c r="BS18" s="3">
        <v>0</v>
      </c>
      <c r="BT18" s="3">
        <v>0</v>
      </c>
      <c r="BU18" s="3">
        <v>0</v>
      </c>
      <c r="BV18" s="3">
        <v>0</v>
      </c>
      <c r="BW18" s="3">
        <v>0</v>
      </c>
      <c r="BX18" s="3">
        <v>0</v>
      </c>
      <c r="BY18" s="3">
        <v>0</v>
      </c>
      <c r="BZ18" s="3">
        <v>0</v>
      </c>
      <c r="CA18" s="3">
        <v>0</v>
      </c>
      <c r="CB18" s="3">
        <v>0</v>
      </c>
      <c r="CC18" s="3">
        <v>0</v>
      </c>
      <c r="CD18" s="3">
        <v>0</v>
      </c>
      <c r="CE18" s="3">
        <v>0</v>
      </c>
      <c r="CF18" s="3">
        <v>0</v>
      </c>
      <c r="CG18" s="3">
        <v>0</v>
      </c>
      <c r="CH18" s="3">
        <v>0</v>
      </c>
      <c r="CI18" s="3">
        <v>0</v>
      </c>
      <c r="CJ18" s="3">
        <v>0</v>
      </c>
      <c r="CK18" s="3">
        <v>0</v>
      </c>
      <c r="CL18" s="3">
        <v>0</v>
      </c>
      <c r="CM18" s="3">
        <v>0</v>
      </c>
      <c r="CN18" s="3">
        <v>0</v>
      </c>
      <c r="CO18" s="3">
        <v>0</v>
      </c>
      <c r="CP18" s="3">
        <v>0</v>
      </c>
      <c r="CQ18" s="3">
        <v>0</v>
      </c>
      <c r="CR18" s="3">
        <v>804</v>
      </c>
      <c r="CS18" s="3">
        <v>804</v>
      </c>
      <c r="CT18" s="3">
        <v>0</v>
      </c>
      <c r="CU18" s="3">
        <v>0</v>
      </c>
      <c r="CV18" s="3">
        <v>0</v>
      </c>
      <c r="CW18" s="3">
        <v>0</v>
      </c>
      <c r="CX18" s="3">
        <v>0</v>
      </c>
      <c r="CY18" s="3">
        <v>0</v>
      </c>
      <c r="CZ18" s="3">
        <v>0</v>
      </c>
      <c r="DA18" s="3">
        <v>0</v>
      </c>
      <c r="DB18" s="3">
        <v>0</v>
      </c>
      <c r="DC18" s="3">
        <v>0</v>
      </c>
      <c r="DD18" s="3">
        <v>0</v>
      </c>
      <c r="DE18" s="3">
        <v>0</v>
      </c>
      <c r="DF18" s="3">
        <v>0</v>
      </c>
      <c r="DG18" s="1">
        <v>1221186</v>
      </c>
    </row>
    <row r="19" spans="1:111" ht="10" customHeight="1">
      <c r="A19" s="142"/>
      <c r="B19" s="30"/>
      <c r="C19" s="173" t="s">
        <v>147</v>
      </c>
      <c r="D19" s="175"/>
      <c r="E19" s="176"/>
      <c r="F19" s="1">
        <v>0</v>
      </c>
      <c r="G19" s="1">
        <v>0</v>
      </c>
      <c r="H19" s="1">
        <v>0</v>
      </c>
      <c r="I19" s="1">
        <v>0</v>
      </c>
      <c r="J19" s="1">
        <v>0</v>
      </c>
      <c r="K19" s="1">
        <v>0</v>
      </c>
      <c r="L19" s="1">
        <v>0</v>
      </c>
      <c r="M19" s="1">
        <v>0</v>
      </c>
      <c r="N19" s="1">
        <v>0</v>
      </c>
      <c r="O19" s="1">
        <v>0</v>
      </c>
      <c r="P19" s="1">
        <v>0</v>
      </c>
      <c r="Q19" s="1">
        <v>0</v>
      </c>
      <c r="R19" s="1">
        <v>0</v>
      </c>
      <c r="S19" s="1">
        <v>0</v>
      </c>
      <c r="T19" s="1">
        <v>0</v>
      </c>
      <c r="U19" s="1">
        <v>0</v>
      </c>
      <c r="V19" s="1">
        <v>0</v>
      </c>
      <c r="W19" s="1">
        <v>98700</v>
      </c>
      <c r="X19" s="1">
        <v>0</v>
      </c>
      <c r="Y19" s="1">
        <v>0</v>
      </c>
      <c r="Z19" s="1">
        <v>0</v>
      </c>
      <c r="AA19" s="1">
        <v>0</v>
      </c>
      <c r="AB19" s="1">
        <v>20600</v>
      </c>
      <c r="AC19" s="1">
        <v>0</v>
      </c>
      <c r="AD19" s="1">
        <v>0</v>
      </c>
      <c r="AE19" s="1">
        <v>0</v>
      </c>
      <c r="AF19" s="1">
        <v>0</v>
      </c>
      <c r="AG19" s="1">
        <v>0</v>
      </c>
      <c r="AH19" s="1">
        <v>0</v>
      </c>
      <c r="AI19" s="1">
        <v>0</v>
      </c>
      <c r="AJ19" s="1">
        <v>0</v>
      </c>
      <c r="AK19" s="1">
        <v>0</v>
      </c>
      <c r="AL19" s="1">
        <v>0</v>
      </c>
      <c r="AM19" s="1">
        <v>0</v>
      </c>
      <c r="AN19" s="1">
        <v>0</v>
      </c>
      <c r="AO19" s="1">
        <v>0</v>
      </c>
      <c r="AP19" s="1">
        <v>0</v>
      </c>
      <c r="AQ19" s="1">
        <v>0</v>
      </c>
      <c r="AR19" s="1">
        <v>0</v>
      </c>
      <c r="AS19" s="1">
        <v>0</v>
      </c>
      <c r="AT19" s="1">
        <v>0</v>
      </c>
      <c r="AU19" s="1">
        <v>0</v>
      </c>
      <c r="AV19" s="1">
        <v>0</v>
      </c>
      <c r="AW19" s="1">
        <v>0</v>
      </c>
      <c r="AX19" s="1">
        <v>0</v>
      </c>
      <c r="AY19" s="1">
        <v>0</v>
      </c>
      <c r="AZ19" s="1">
        <v>0</v>
      </c>
      <c r="BA19" s="1">
        <v>0</v>
      </c>
      <c r="BB19" s="1">
        <v>0</v>
      </c>
      <c r="BC19" s="1">
        <v>0</v>
      </c>
      <c r="BD19" s="1">
        <v>0</v>
      </c>
      <c r="BE19" s="1">
        <v>0</v>
      </c>
      <c r="BF19" s="1">
        <v>0</v>
      </c>
      <c r="BG19" s="1">
        <v>0</v>
      </c>
      <c r="BH19" s="1">
        <v>119300</v>
      </c>
      <c r="BI19" s="1">
        <v>0</v>
      </c>
      <c r="BJ19" s="1">
        <v>0</v>
      </c>
      <c r="BK19" s="1">
        <v>0</v>
      </c>
      <c r="BL19" s="1">
        <v>0</v>
      </c>
      <c r="BM19" s="1">
        <v>0</v>
      </c>
      <c r="BN19" s="1">
        <v>0</v>
      </c>
      <c r="BO19" s="1">
        <v>0</v>
      </c>
      <c r="BP19" s="1">
        <v>0</v>
      </c>
      <c r="BQ19" s="1">
        <v>0</v>
      </c>
      <c r="BR19" s="1">
        <v>0</v>
      </c>
      <c r="BS19" s="1">
        <v>0</v>
      </c>
      <c r="BT19" s="1">
        <v>0</v>
      </c>
      <c r="BU19" s="1">
        <v>0</v>
      </c>
      <c r="BV19" s="1">
        <v>0</v>
      </c>
      <c r="BW19" s="1">
        <v>0</v>
      </c>
      <c r="BX19" s="1">
        <v>0</v>
      </c>
      <c r="BY19" s="1">
        <v>0</v>
      </c>
      <c r="BZ19" s="1">
        <v>0</v>
      </c>
      <c r="CA19" s="1">
        <v>0</v>
      </c>
      <c r="CB19" s="1">
        <v>0</v>
      </c>
      <c r="CC19" s="1">
        <v>0</v>
      </c>
      <c r="CD19" s="1">
        <v>0</v>
      </c>
      <c r="CE19" s="1">
        <v>0</v>
      </c>
      <c r="CF19" s="1">
        <v>0</v>
      </c>
      <c r="CG19" s="1">
        <v>0</v>
      </c>
      <c r="CH19" s="1">
        <v>0</v>
      </c>
      <c r="CI19" s="1">
        <v>0</v>
      </c>
      <c r="CJ19" s="1">
        <v>0</v>
      </c>
      <c r="CK19" s="1">
        <v>0</v>
      </c>
      <c r="CL19" s="1">
        <v>0</v>
      </c>
      <c r="CM19" s="1">
        <v>0</v>
      </c>
      <c r="CN19" s="1">
        <v>0</v>
      </c>
      <c r="CO19" s="1">
        <v>0</v>
      </c>
      <c r="CP19" s="1">
        <v>0</v>
      </c>
      <c r="CQ19" s="1">
        <v>0</v>
      </c>
      <c r="CR19" s="1">
        <v>0</v>
      </c>
      <c r="CS19" s="3">
        <v>0</v>
      </c>
      <c r="CT19" s="1">
        <v>0</v>
      </c>
      <c r="CU19" s="1">
        <v>0</v>
      </c>
      <c r="CV19" s="1">
        <v>0</v>
      </c>
      <c r="CW19" s="1">
        <v>0</v>
      </c>
      <c r="CX19" s="1">
        <v>0</v>
      </c>
      <c r="CY19" s="1">
        <v>0</v>
      </c>
      <c r="CZ19" s="1">
        <v>0</v>
      </c>
      <c r="DA19" s="1">
        <v>0</v>
      </c>
      <c r="DB19" s="1">
        <v>0</v>
      </c>
      <c r="DC19" s="1">
        <v>0</v>
      </c>
      <c r="DD19" s="1">
        <v>0</v>
      </c>
      <c r="DE19" s="1">
        <v>0</v>
      </c>
      <c r="DF19" s="3">
        <v>0</v>
      </c>
      <c r="DG19" s="1">
        <v>119300</v>
      </c>
    </row>
    <row r="20" spans="1:111" ht="10" customHeight="1">
      <c r="A20" s="199"/>
      <c r="B20" s="98" t="s">
        <v>104</v>
      </c>
      <c r="C20" s="90"/>
      <c r="D20" s="90"/>
      <c r="E20" s="91"/>
      <c r="F20" s="1">
        <v>11849229</v>
      </c>
      <c r="G20" s="1">
        <v>802199</v>
      </c>
      <c r="H20" s="1">
        <v>1811779</v>
      </c>
      <c r="I20" s="1">
        <v>3485789</v>
      </c>
      <c r="J20" s="1">
        <v>870786</v>
      </c>
      <c r="K20" s="1">
        <v>149294</v>
      </c>
      <c r="L20" s="1">
        <v>1384781</v>
      </c>
      <c r="M20" s="1">
        <v>501496</v>
      </c>
      <c r="N20" s="1">
        <v>979368</v>
      </c>
      <c r="O20" s="1">
        <v>908521</v>
      </c>
      <c r="P20" s="1">
        <v>824819</v>
      </c>
      <c r="Q20" s="1">
        <v>2273915</v>
      </c>
      <c r="R20" s="1">
        <v>332931</v>
      </c>
      <c r="S20" s="1">
        <v>180321</v>
      </c>
      <c r="T20" s="1">
        <v>582362</v>
      </c>
      <c r="U20" s="1">
        <v>1424518</v>
      </c>
      <c r="V20" s="1">
        <v>2004291</v>
      </c>
      <c r="W20" s="1">
        <v>1931533</v>
      </c>
      <c r="X20" s="1">
        <v>1877277</v>
      </c>
      <c r="Y20" s="1">
        <v>395957</v>
      </c>
      <c r="Z20" s="1">
        <v>4860315</v>
      </c>
      <c r="AA20" s="1">
        <v>187108</v>
      </c>
      <c r="AB20" s="1">
        <v>1000948</v>
      </c>
      <c r="AC20" s="1">
        <v>676606</v>
      </c>
      <c r="AD20" s="1">
        <v>44924</v>
      </c>
      <c r="AE20" s="1">
        <v>623946</v>
      </c>
      <c r="AF20" s="1">
        <v>518302</v>
      </c>
      <c r="AG20" s="1">
        <v>2336640</v>
      </c>
      <c r="AH20" s="1">
        <v>209596</v>
      </c>
      <c r="AI20" s="1">
        <v>2028409</v>
      </c>
      <c r="AJ20" s="1">
        <v>648828</v>
      </c>
      <c r="AK20" s="1">
        <v>2065691</v>
      </c>
      <c r="AL20" s="1">
        <v>377684</v>
      </c>
      <c r="AM20" s="1">
        <v>580306</v>
      </c>
      <c r="AN20" s="1">
        <v>508086</v>
      </c>
      <c r="AO20" s="1">
        <v>931114</v>
      </c>
      <c r="AP20" s="1">
        <v>1440298</v>
      </c>
      <c r="AQ20" s="1">
        <v>791923</v>
      </c>
      <c r="AR20" s="1">
        <v>321178</v>
      </c>
      <c r="AS20" s="1">
        <v>105166</v>
      </c>
      <c r="AT20" s="1">
        <v>145730</v>
      </c>
      <c r="AU20" s="1">
        <v>211916</v>
      </c>
      <c r="AV20" s="1">
        <v>301173</v>
      </c>
      <c r="AW20" s="1">
        <v>89100</v>
      </c>
      <c r="AX20" s="1">
        <v>115858</v>
      </c>
      <c r="AY20" s="1">
        <v>64234</v>
      </c>
      <c r="AZ20" s="1">
        <v>19890</v>
      </c>
      <c r="BA20" s="1">
        <v>336161</v>
      </c>
      <c r="BB20" s="1">
        <v>201475</v>
      </c>
      <c r="BC20" s="1">
        <v>302168</v>
      </c>
      <c r="BD20" s="1">
        <v>299056</v>
      </c>
      <c r="BE20" s="1">
        <v>74767</v>
      </c>
      <c r="BF20" s="1">
        <v>481050</v>
      </c>
      <c r="BG20" s="1">
        <v>1293340</v>
      </c>
      <c r="BH20" s="1">
        <v>58764152</v>
      </c>
      <c r="BI20" s="1">
        <v>0</v>
      </c>
      <c r="BJ20" s="1">
        <v>1675</v>
      </c>
      <c r="BK20" s="1">
        <v>0</v>
      </c>
      <c r="BL20" s="1">
        <v>182490</v>
      </c>
      <c r="BM20" s="1">
        <v>106664</v>
      </c>
      <c r="BN20" s="1">
        <v>9363</v>
      </c>
      <c r="BO20" s="1">
        <v>57451</v>
      </c>
      <c r="BP20" s="1">
        <v>180617</v>
      </c>
      <c r="BQ20" s="1">
        <v>5934</v>
      </c>
      <c r="BR20" s="1">
        <v>6903</v>
      </c>
      <c r="BS20" s="1">
        <v>38791</v>
      </c>
      <c r="BT20" s="1">
        <v>285264</v>
      </c>
      <c r="BU20" s="1">
        <v>875152</v>
      </c>
      <c r="BV20" s="1">
        <v>92819</v>
      </c>
      <c r="BW20" s="1">
        <v>5800</v>
      </c>
      <c r="BX20" s="1">
        <v>338318</v>
      </c>
      <c r="BY20" s="1">
        <v>32970</v>
      </c>
      <c r="BZ20" s="1">
        <v>2024</v>
      </c>
      <c r="CA20" s="1">
        <v>234565</v>
      </c>
      <c r="CB20" s="1">
        <v>367137</v>
      </c>
      <c r="CC20" s="1">
        <v>127326</v>
      </c>
      <c r="CD20" s="1">
        <v>17130</v>
      </c>
      <c r="CE20" s="1">
        <v>0</v>
      </c>
      <c r="CF20" s="1">
        <v>10219</v>
      </c>
      <c r="CG20" s="1">
        <v>22446</v>
      </c>
      <c r="CH20" s="1">
        <v>16841</v>
      </c>
      <c r="CI20" s="1">
        <v>80</v>
      </c>
      <c r="CJ20" s="1">
        <v>35579</v>
      </c>
      <c r="CK20" s="1">
        <v>113614</v>
      </c>
      <c r="CL20" s="1">
        <v>514493</v>
      </c>
      <c r="CM20" s="1">
        <v>27173</v>
      </c>
      <c r="CN20" s="1">
        <v>166692</v>
      </c>
      <c r="CO20" s="1">
        <v>7088</v>
      </c>
      <c r="CP20" s="1">
        <v>29861</v>
      </c>
      <c r="CQ20" s="1">
        <v>4823</v>
      </c>
      <c r="CR20" s="1">
        <v>3902</v>
      </c>
      <c r="CS20" s="3">
        <v>2170900</v>
      </c>
      <c r="CT20" s="1">
        <v>49403</v>
      </c>
      <c r="CU20" s="1">
        <v>5903</v>
      </c>
      <c r="CV20" s="1">
        <v>14838</v>
      </c>
      <c r="CW20" s="1">
        <v>1875</v>
      </c>
      <c r="CX20" s="1">
        <v>2522</v>
      </c>
      <c r="CY20" s="1">
        <v>13530</v>
      </c>
      <c r="CZ20" s="1">
        <v>30797</v>
      </c>
      <c r="DA20" s="1">
        <v>27554</v>
      </c>
      <c r="DB20" s="1">
        <v>47424</v>
      </c>
      <c r="DC20" s="1">
        <v>11718</v>
      </c>
      <c r="DD20" s="1">
        <v>7001</v>
      </c>
      <c r="DE20" s="1">
        <v>9367</v>
      </c>
      <c r="DF20" s="3">
        <v>221932</v>
      </c>
      <c r="DG20" s="1">
        <v>62032136</v>
      </c>
    </row>
    <row r="21" spans="1:111" ht="10" customHeight="1">
      <c r="A21" s="141" t="s">
        <v>105</v>
      </c>
      <c r="B21" s="120" t="s">
        <v>106</v>
      </c>
      <c r="C21" s="165"/>
      <c r="D21" s="193"/>
      <c r="E21" s="194"/>
      <c r="F21" s="1">
        <v>11490886</v>
      </c>
      <c r="G21" s="1">
        <v>2456172</v>
      </c>
      <c r="H21" s="1">
        <v>1847396</v>
      </c>
      <c r="I21" s="1">
        <v>3884575</v>
      </c>
      <c r="J21" s="1">
        <v>716849</v>
      </c>
      <c r="K21" s="1">
        <v>87359</v>
      </c>
      <c r="L21" s="1">
        <v>3779619</v>
      </c>
      <c r="M21" s="1">
        <v>686599</v>
      </c>
      <c r="N21" s="1">
        <v>583524</v>
      </c>
      <c r="O21" s="1">
        <v>1281417</v>
      </c>
      <c r="P21" s="1">
        <v>780741</v>
      </c>
      <c r="Q21" s="1">
        <v>1789178</v>
      </c>
      <c r="R21" s="1">
        <v>776745</v>
      </c>
      <c r="S21" s="1">
        <v>136100</v>
      </c>
      <c r="T21" s="1">
        <v>779329</v>
      </c>
      <c r="U21" s="1">
        <v>1265725</v>
      </c>
      <c r="V21" s="1">
        <v>1877698</v>
      </c>
      <c r="W21" s="1">
        <v>1098469</v>
      </c>
      <c r="X21" s="1">
        <v>1039730</v>
      </c>
      <c r="Y21" s="1">
        <v>438773</v>
      </c>
      <c r="Z21" s="1">
        <v>5367366</v>
      </c>
      <c r="AA21" s="1">
        <v>472068</v>
      </c>
      <c r="AB21" s="1">
        <v>1186065</v>
      </c>
      <c r="AC21" s="1">
        <v>623651</v>
      </c>
      <c r="AD21" s="1">
        <v>71274</v>
      </c>
      <c r="AE21" s="1">
        <v>1007492</v>
      </c>
      <c r="AF21" s="1">
        <v>303769</v>
      </c>
      <c r="AG21" s="1">
        <v>1531804</v>
      </c>
      <c r="AH21" s="1">
        <v>232293</v>
      </c>
      <c r="AI21" s="1">
        <v>1556065</v>
      </c>
      <c r="AJ21" s="1">
        <v>839739</v>
      </c>
      <c r="AK21" s="1">
        <v>1503033</v>
      </c>
      <c r="AL21" s="1">
        <v>189580</v>
      </c>
      <c r="AM21" s="1">
        <v>362539</v>
      </c>
      <c r="AN21" s="1">
        <v>184989</v>
      </c>
      <c r="AO21" s="1">
        <v>753165</v>
      </c>
      <c r="AP21" s="1">
        <v>1417178</v>
      </c>
      <c r="AQ21" s="1">
        <v>579867</v>
      </c>
      <c r="AR21" s="1">
        <v>82450</v>
      </c>
      <c r="AS21" s="1">
        <v>116345</v>
      </c>
      <c r="AT21" s="1">
        <v>30613</v>
      </c>
      <c r="AU21" s="1">
        <v>114735</v>
      </c>
      <c r="AV21" s="1">
        <v>221453</v>
      </c>
      <c r="AW21" s="1">
        <v>92155</v>
      </c>
      <c r="AX21" s="1">
        <v>114960</v>
      </c>
      <c r="AY21" s="1">
        <v>67860</v>
      </c>
      <c r="AZ21" s="1">
        <v>12540</v>
      </c>
      <c r="BA21" s="1">
        <v>295608</v>
      </c>
      <c r="BB21" s="1">
        <v>202014</v>
      </c>
      <c r="BC21" s="1">
        <v>52602</v>
      </c>
      <c r="BD21" s="1">
        <v>118736</v>
      </c>
      <c r="BE21" s="1">
        <v>88200</v>
      </c>
      <c r="BF21" s="1">
        <v>854003</v>
      </c>
      <c r="BG21" s="1">
        <v>983824</v>
      </c>
      <c r="BH21" s="1">
        <v>58426919</v>
      </c>
      <c r="BI21" s="1">
        <v>5770</v>
      </c>
      <c r="BJ21" s="1">
        <v>89</v>
      </c>
      <c r="BK21" s="1">
        <v>0</v>
      </c>
      <c r="BL21" s="1">
        <v>191671</v>
      </c>
      <c r="BM21" s="1">
        <v>54670</v>
      </c>
      <c r="BN21" s="1">
        <v>0</v>
      </c>
      <c r="BO21" s="1">
        <v>18864</v>
      </c>
      <c r="BP21" s="1">
        <v>143494</v>
      </c>
      <c r="BQ21" s="1">
        <v>0</v>
      </c>
      <c r="BR21" s="1">
        <v>5663</v>
      </c>
      <c r="BS21" s="1">
        <v>669</v>
      </c>
      <c r="BT21" s="1">
        <v>211095</v>
      </c>
      <c r="BU21" s="1">
        <v>631985</v>
      </c>
      <c r="BV21" s="1">
        <v>100029</v>
      </c>
      <c r="BW21" s="1">
        <v>14283</v>
      </c>
      <c r="BX21" s="1">
        <v>12242</v>
      </c>
      <c r="BY21" s="1">
        <v>8513</v>
      </c>
      <c r="BZ21" s="1">
        <v>0</v>
      </c>
      <c r="CA21" s="1">
        <v>90213</v>
      </c>
      <c r="CB21" s="1">
        <v>91663</v>
      </c>
      <c r="CC21" s="1">
        <v>62595</v>
      </c>
      <c r="CD21" s="1">
        <v>1090</v>
      </c>
      <c r="CE21" s="1">
        <v>0</v>
      </c>
      <c r="CF21" s="1">
        <v>206</v>
      </c>
      <c r="CG21" s="1">
        <v>517</v>
      </c>
      <c r="CH21" s="1">
        <v>6644</v>
      </c>
      <c r="CI21" s="1">
        <v>0</v>
      </c>
      <c r="CJ21" s="1">
        <v>1320</v>
      </c>
      <c r="CK21" s="1">
        <v>104543</v>
      </c>
      <c r="CL21" s="1">
        <v>422257</v>
      </c>
      <c r="CM21" s="1">
        <v>4526</v>
      </c>
      <c r="CN21" s="1">
        <v>27257</v>
      </c>
      <c r="CO21" s="1">
        <v>719</v>
      </c>
      <c r="CP21" s="1">
        <v>8800</v>
      </c>
      <c r="CQ21" s="1">
        <v>1210</v>
      </c>
      <c r="CR21" s="1">
        <v>550</v>
      </c>
      <c r="CS21" s="3">
        <v>959177</v>
      </c>
      <c r="CT21" s="1">
        <v>49412</v>
      </c>
      <c r="CU21" s="1">
        <v>3776</v>
      </c>
      <c r="CV21" s="1">
        <v>7410</v>
      </c>
      <c r="CW21" s="1">
        <v>2257</v>
      </c>
      <c r="CX21" s="1">
        <v>1269</v>
      </c>
      <c r="CY21" s="1">
        <v>8979</v>
      </c>
      <c r="CZ21" s="1">
        <v>15843</v>
      </c>
      <c r="DA21" s="1">
        <v>27638</v>
      </c>
      <c r="DB21" s="1">
        <v>27227</v>
      </c>
      <c r="DC21" s="1">
        <v>6369</v>
      </c>
      <c r="DD21" s="1">
        <v>4268</v>
      </c>
      <c r="DE21" s="1">
        <v>7533</v>
      </c>
      <c r="DF21" s="3">
        <v>161981</v>
      </c>
      <c r="DG21" s="1">
        <v>60180062</v>
      </c>
    </row>
    <row r="22" spans="1:111" ht="10" customHeight="1">
      <c r="A22" s="141"/>
      <c r="B22" s="54"/>
      <c r="C22" s="98" t="s">
        <v>79</v>
      </c>
      <c r="D22" s="90"/>
      <c r="E22" s="91"/>
      <c r="F22" s="1">
        <v>567856</v>
      </c>
      <c r="G22" s="1">
        <v>160440</v>
      </c>
      <c r="H22" s="1">
        <v>38851</v>
      </c>
      <c r="I22" s="1">
        <v>141022</v>
      </c>
      <c r="J22" s="1">
        <v>17912</v>
      </c>
      <c r="K22" s="1">
        <v>13656</v>
      </c>
      <c r="L22" s="1">
        <v>189807</v>
      </c>
      <c r="M22" s="1">
        <v>50073</v>
      </c>
      <c r="N22" s="1">
        <v>28589</v>
      </c>
      <c r="O22" s="1">
        <v>46710</v>
      </c>
      <c r="P22" s="1">
        <v>43381</v>
      </c>
      <c r="Q22" s="1">
        <v>34466</v>
      </c>
      <c r="R22" s="1">
        <v>86064</v>
      </c>
      <c r="S22" s="1">
        <v>7224</v>
      </c>
      <c r="T22" s="1">
        <v>32646</v>
      </c>
      <c r="U22" s="1">
        <v>59570</v>
      </c>
      <c r="V22" s="1">
        <v>111462</v>
      </c>
      <c r="W22" s="1">
        <v>51379</v>
      </c>
      <c r="X22" s="1">
        <v>45112</v>
      </c>
      <c r="Y22" s="1">
        <v>25467</v>
      </c>
      <c r="Z22" s="1">
        <v>33469</v>
      </c>
      <c r="AA22" s="1">
        <v>60228</v>
      </c>
      <c r="AB22" s="1">
        <v>32357</v>
      </c>
      <c r="AC22" s="1">
        <v>0</v>
      </c>
      <c r="AD22" s="1">
        <v>23076</v>
      </c>
      <c r="AE22" s="1">
        <v>50755</v>
      </c>
      <c r="AF22" s="1">
        <v>19628</v>
      </c>
      <c r="AG22" s="1">
        <v>32958</v>
      </c>
      <c r="AH22" s="1">
        <v>16137</v>
      </c>
      <c r="AI22" s="1">
        <v>32708</v>
      </c>
      <c r="AJ22" s="1">
        <v>59310</v>
      </c>
      <c r="AK22" s="1">
        <v>55236</v>
      </c>
      <c r="AL22" s="1">
        <v>21363</v>
      </c>
      <c r="AM22" s="1">
        <v>20318</v>
      </c>
      <c r="AN22" s="1">
        <v>9572</v>
      </c>
      <c r="AO22" s="1">
        <v>37072</v>
      </c>
      <c r="AP22" s="1">
        <v>22289</v>
      </c>
      <c r="AQ22" s="1">
        <v>16444</v>
      </c>
      <c r="AR22" s="1">
        <v>0</v>
      </c>
      <c r="AS22" s="1">
        <v>8262</v>
      </c>
      <c r="AT22" s="1">
        <v>0</v>
      </c>
      <c r="AU22" s="1">
        <v>0</v>
      </c>
      <c r="AV22" s="1">
        <v>6855</v>
      </c>
      <c r="AW22" s="1">
        <v>8579</v>
      </c>
      <c r="AX22" s="1">
        <v>8946</v>
      </c>
      <c r="AY22" s="1">
        <v>0</v>
      </c>
      <c r="AZ22" s="1">
        <v>0</v>
      </c>
      <c r="BA22" s="1">
        <v>13678</v>
      </c>
      <c r="BB22" s="1">
        <v>6650</v>
      </c>
      <c r="BC22" s="1">
        <v>0</v>
      </c>
      <c r="BD22" s="1">
        <v>12529</v>
      </c>
      <c r="BE22" s="1">
        <v>0</v>
      </c>
      <c r="BF22" s="1">
        <v>105700</v>
      </c>
      <c r="BG22" s="1">
        <v>32510</v>
      </c>
      <c r="BH22" s="1">
        <v>2498316</v>
      </c>
      <c r="BI22" s="1">
        <v>0</v>
      </c>
      <c r="BJ22" s="1">
        <v>0</v>
      </c>
      <c r="BK22" s="1">
        <v>0</v>
      </c>
      <c r="BL22" s="1">
        <v>13597</v>
      </c>
      <c r="BM22" s="1">
        <v>7122</v>
      </c>
      <c r="BN22" s="1">
        <v>0</v>
      </c>
      <c r="BO22" s="1">
        <v>8088</v>
      </c>
      <c r="BP22" s="1">
        <v>7355</v>
      </c>
      <c r="BQ22" s="1">
        <v>0</v>
      </c>
      <c r="BR22" s="1">
        <v>259</v>
      </c>
      <c r="BS22" s="1">
        <v>0</v>
      </c>
      <c r="BT22" s="1">
        <v>3236</v>
      </c>
      <c r="BU22" s="1">
        <v>39657</v>
      </c>
      <c r="BV22" s="1">
        <v>0</v>
      </c>
      <c r="BW22" s="1">
        <v>4440</v>
      </c>
      <c r="BX22" s="1">
        <v>0</v>
      </c>
      <c r="BY22" s="1">
        <v>0</v>
      </c>
      <c r="BZ22" s="1">
        <v>0</v>
      </c>
      <c r="CA22" s="1">
        <v>12024</v>
      </c>
      <c r="CB22" s="1">
        <v>0</v>
      </c>
      <c r="CC22" s="1">
        <v>0</v>
      </c>
      <c r="CD22" s="1">
        <v>0</v>
      </c>
      <c r="CE22" s="1">
        <v>0</v>
      </c>
      <c r="CF22" s="1">
        <v>0</v>
      </c>
      <c r="CG22" s="1">
        <v>0</v>
      </c>
      <c r="CH22" s="1">
        <v>0</v>
      </c>
      <c r="CI22" s="1">
        <v>0</v>
      </c>
      <c r="CJ22" s="1">
        <v>0</v>
      </c>
      <c r="CK22" s="1">
        <v>0</v>
      </c>
      <c r="CL22" s="1">
        <v>10451</v>
      </c>
      <c r="CM22" s="1">
        <v>0</v>
      </c>
      <c r="CN22" s="1">
        <v>0</v>
      </c>
      <c r="CO22" s="1">
        <v>0</v>
      </c>
      <c r="CP22" s="1">
        <v>0</v>
      </c>
      <c r="CQ22" s="1">
        <v>0</v>
      </c>
      <c r="CR22" s="1">
        <v>0</v>
      </c>
      <c r="CS22" s="3">
        <v>26915</v>
      </c>
      <c r="CT22" s="1">
        <v>0</v>
      </c>
      <c r="CU22" s="1">
        <v>0</v>
      </c>
      <c r="CV22" s="1">
        <v>0</v>
      </c>
      <c r="CW22" s="1">
        <v>0</v>
      </c>
      <c r="CX22" s="1">
        <v>0</v>
      </c>
      <c r="CY22" s="1">
        <v>0</v>
      </c>
      <c r="CZ22" s="1">
        <v>0</v>
      </c>
      <c r="DA22" s="1">
        <v>0</v>
      </c>
      <c r="DB22" s="1">
        <v>0</v>
      </c>
      <c r="DC22" s="1">
        <v>0</v>
      </c>
      <c r="DD22" s="1">
        <v>0</v>
      </c>
      <c r="DE22" s="1">
        <v>0</v>
      </c>
      <c r="DF22" s="3">
        <v>0</v>
      </c>
      <c r="DG22" s="1">
        <v>2564888</v>
      </c>
    </row>
    <row r="23" spans="1:111" ht="10" customHeight="1">
      <c r="A23" s="141"/>
      <c r="B23" s="29"/>
      <c r="C23" s="114" t="s">
        <v>107</v>
      </c>
      <c r="D23" s="93"/>
      <c r="E23" s="94"/>
      <c r="F23" s="1">
        <v>0</v>
      </c>
      <c r="G23" s="1">
        <v>0</v>
      </c>
      <c r="H23" s="1">
        <v>0</v>
      </c>
      <c r="I23" s="1">
        <v>0</v>
      </c>
      <c r="J23" s="1">
        <v>0</v>
      </c>
      <c r="K23" s="1">
        <v>0</v>
      </c>
      <c r="L23" s="1">
        <v>0</v>
      </c>
      <c r="M23" s="1">
        <v>0</v>
      </c>
      <c r="N23" s="1">
        <v>0</v>
      </c>
      <c r="O23" s="1">
        <v>0</v>
      </c>
      <c r="P23" s="1">
        <v>0</v>
      </c>
      <c r="Q23" s="1">
        <v>0</v>
      </c>
      <c r="R23" s="1">
        <v>0</v>
      </c>
      <c r="S23" s="1">
        <v>0</v>
      </c>
      <c r="T23" s="1">
        <v>0</v>
      </c>
      <c r="U23" s="1">
        <v>0</v>
      </c>
      <c r="V23" s="1">
        <v>0</v>
      </c>
      <c r="W23" s="1">
        <v>0</v>
      </c>
      <c r="X23" s="1">
        <v>0</v>
      </c>
      <c r="Y23" s="1">
        <v>0</v>
      </c>
      <c r="Z23" s="1">
        <v>0</v>
      </c>
      <c r="AA23" s="1">
        <v>0</v>
      </c>
      <c r="AB23" s="1">
        <v>0</v>
      </c>
      <c r="AC23" s="1">
        <v>0</v>
      </c>
      <c r="AD23" s="1">
        <v>0</v>
      </c>
      <c r="AE23" s="1">
        <v>0</v>
      </c>
      <c r="AF23" s="1">
        <v>0</v>
      </c>
      <c r="AG23" s="1">
        <v>0</v>
      </c>
      <c r="AH23" s="1">
        <v>0</v>
      </c>
      <c r="AI23" s="1">
        <v>0</v>
      </c>
      <c r="AJ23" s="1">
        <v>0</v>
      </c>
      <c r="AK23" s="1">
        <v>0</v>
      </c>
      <c r="AL23" s="1">
        <v>0</v>
      </c>
      <c r="AM23" s="1">
        <v>0</v>
      </c>
      <c r="AN23" s="1">
        <v>0</v>
      </c>
      <c r="AO23" s="1">
        <v>0</v>
      </c>
      <c r="AP23" s="1">
        <v>0</v>
      </c>
      <c r="AQ23" s="1">
        <v>0</v>
      </c>
      <c r="AR23" s="1">
        <v>0</v>
      </c>
      <c r="AS23" s="1">
        <v>0</v>
      </c>
      <c r="AT23" s="1">
        <v>0</v>
      </c>
      <c r="AU23" s="1">
        <v>0</v>
      </c>
      <c r="AV23" s="1">
        <v>0</v>
      </c>
      <c r="AW23" s="1">
        <v>0</v>
      </c>
      <c r="AX23" s="1">
        <v>0</v>
      </c>
      <c r="AY23" s="1">
        <v>0</v>
      </c>
      <c r="AZ23" s="1">
        <v>0</v>
      </c>
      <c r="BA23" s="1">
        <v>0</v>
      </c>
      <c r="BB23" s="1">
        <v>0</v>
      </c>
      <c r="BC23" s="1">
        <v>0</v>
      </c>
      <c r="BD23" s="1">
        <v>0</v>
      </c>
      <c r="BE23" s="1">
        <v>0</v>
      </c>
      <c r="BF23" s="1">
        <v>0</v>
      </c>
      <c r="BG23" s="1">
        <v>0</v>
      </c>
      <c r="BH23" s="1">
        <v>0</v>
      </c>
      <c r="BI23" s="1">
        <v>0</v>
      </c>
      <c r="BJ23" s="1">
        <v>89</v>
      </c>
      <c r="BK23" s="1">
        <v>0</v>
      </c>
      <c r="BL23" s="1">
        <v>0</v>
      </c>
      <c r="BM23" s="1">
        <v>0</v>
      </c>
      <c r="BN23" s="1">
        <v>0</v>
      </c>
      <c r="BO23" s="1">
        <v>0</v>
      </c>
      <c r="BP23" s="1">
        <v>0</v>
      </c>
      <c r="BQ23" s="1">
        <v>0</v>
      </c>
      <c r="BR23" s="1">
        <v>0</v>
      </c>
      <c r="BS23" s="1">
        <v>0</v>
      </c>
      <c r="BT23" s="1">
        <v>0</v>
      </c>
      <c r="BU23" s="1">
        <v>89</v>
      </c>
      <c r="BV23" s="1">
        <v>0</v>
      </c>
      <c r="BW23" s="1">
        <v>0</v>
      </c>
      <c r="BX23" s="1">
        <v>0</v>
      </c>
      <c r="BY23" s="1">
        <v>0</v>
      </c>
      <c r="BZ23" s="1">
        <v>0</v>
      </c>
      <c r="CA23" s="1">
        <v>0</v>
      </c>
      <c r="CB23" s="1">
        <v>0</v>
      </c>
      <c r="CC23" s="1">
        <v>0</v>
      </c>
      <c r="CD23" s="1">
        <v>0</v>
      </c>
      <c r="CE23" s="1">
        <v>0</v>
      </c>
      <c r="CF23" s="1">
        <v>0</v>
      </c>
      <c r="CG23" s="1">
        <v>0</v>
      </c>
      <c r="CH23" s="1">
        <v>0</v>
      </c>
      <c r="CI23" s="1">
        <v>0</v>
      </c>
      <c r="CJ23" s="1">
        <v>0</v>
      </c>
      <c r="CK23" s="1">
        <v>0</v>
      </c>
      <c r="CL23" s="1">
        <v>0</v>
      </c>
      <c r="CM23" s="1">
        <v>0</v>
      </c>
      <c r="CN23" s="1">
        <v>0</v>
      </c>
      <c r="CO23" s="1">
        <v>0</v>
      </c>
      <c r="CP23" s="1">
        <v>0</v>
      </c>
      <c r="CQ23" s="1">
        <v>0</v>
      </c>
      <c r="CR23" s="1">
        <v>0</v>
      </c>
      <c r="CS23" s="3">
        <v>0</v>
      </c>
      <c r="CT23" s="1">
        <v>0</v>
      </c>
      <c r="CU23" s="1">
        <v>0</v>
      </c>
      <c r="CV23" s="1">
        <v>0</v>
      </c>
      <c r="CW23" s="1">
        <v>0</v>
      </c>
      <c r="CX23" s="1">
        <v>0</v>
      </c>
      <c r="CY23" s="1">
        <v>0</v>
      </c>
      <c r="CZ23" s="1">
        <v>0</v>
      </c>
      <c r="DA23" s="1">
        <v>0</v>
      </c>
      <c r="DB23" s="1">
        <v>0</v>
      </c>
      <c r="DC23" s="1">
        <v>0</v>
      </c>
      <c r="DD23" s="1">
        <v>0</v>
      </c>
      <c r="DE23" s="1">
        <v>0</v>
      </c>
      <c r="DF23" s="3">
        <v>0</v>
      </c>
      <c r="DG23" s="1">
        <v>89</v>
      </c>
    </row>
    <row r="24" spans="1:111" ht="10" customHeight="1">
      <c r="A24" s="141"/>
      <c r="B24" s="114" t="s">
        <v>108</v>
      </c>
      <c r="C24" s="98"/>
      <c r="D24" s="90"/>
      <c r="E24" s="91"/>
      <c r="F24" s="1">
        <v>12140632</v>
      </c>
      <c r="G24" s="1">
        <v>953096</v>
      </c>
      <c r="H24" s="1">
        <v>1147755</v>
      </c>
      <c r="I24" s="1">
        <v>3612225</v>
      </c>
      <c r="J24" s="1">
        <v>795804</v>
      </c>
      <c r="K24" s="1">
        <v>381224</v>
      </c>
      <c r="L24" s="1">
        <v>1095255</v>
      </c>
      <c r="M24" s="1">
        <v>620025</v>
      </c>
      <c r="N24" s="1">
        <v>859058</v>
      </c>
      <c r="O24" s="1">
        <v>378855</v>
      </c>
      <c r="P24" s="1">
        <v>396080</v>
      </c>
      <c r="Q24" s="1">
        <v>2910540</v>
      </c>
      <c r="R24" s="1">
        <v>772146</v>
      </c>
      <c r="S24" s="1">
        <v>471468</v>
      </c>
      <c r="T24" s="1">
        <v>900565</v>
      </c>
      <c r="U24" s="1">
        <v>1198595</v>
      </c>
      <c r="V24" s="1">
        <v>940723</v>
      </c>
      <c r="W24" s="1">
        <v>2651242</v>
      </c>
      <c r="X24" s="1">
        <v>2788555</v>
      </c>
      <c r="Y24" s="1">
        <v>374512</v>
      </c>
      <c r="Z24" s="1">
        <v>480564</v>
      </c>
      <c r="AA24" s="1">
        <v>553354</v>
      </c>
      <c r="AB24" s="1">
        <v>198595</v>
      </c>
      <c r="AC24" s="1">
        <v>380925</v>
      </c>
      <c r="AD24" s="1">
        <v>272483</v>
      </c>
      <c r="AE24" s="1">
        <v>845263</v>
      </c>
      <c r="AF24" s="1">
        <v>409917</v>
      </c>
      <c r="AG24" s="1">
        <v>1770341</v>
      </c>
      <c r="AH24" s="1">
        <v>327522</v>
      </c>
      <c r="AI24" s="1">
        <v>1304634</v>
      </c>
      <c r="AJ24" s="1">
        <v>397842</v>
      </c>
      <c r="AK24" s="1">
        <v>1905390</v>
      </c>
      <c r="AL24" s="1">
        <v>509931</v>
      </c>
      <c r="AM24" s="1">
        <v>274543</v>
      </c>
      <c r="AN24" s="1">
        <v>498557</v>
      </c>
      <c r="AO24" s="1">
        <v>446551</v>
      </c>
      <c r="AP24" s="1">
        <v>190760</v>
      </c>
      <c r="AQ24" s="1">
        <v>523743</v>
      </c>
      <c r="AR24" s="1">
        <v>433306</v>
      </c>
      <c r="AS24" s="1">
        <v>57054</v>
      </c>
      <c r="AT24" s="1">
        <v>110564</v>
      </c>
      <c r="AU24" s="1">
        <v>179496</v>
      </c>
      <c r="AV24" s="1">
        <v>286860</v>
      </c>
      <c r="AW24" s="1">
        <v>138219</v>
      </c>
      <c r="AX24" s="1">
        <v>71696</v>
      </c>
      <c r="AY24" s="1">
        <v>22193</v>
      </c>
      <c r="AZ24" s="1">
        <v>37951</v>
      </c>
      <c r="BA24" s="1">
        <v>116278</v>
      </c>
      <c r="BB24" s="1">
        <v>132086</v>
      </c>
      <c r="BC24" s="1">
        <v>369205</v>
      </c>
      <c r="BD24" s="1">
        <v>351484</v>
      </c>
      <c r="BE24" s="1">
        <v>221074</v>
      </c>
      <c r="BF24" s="1">
        <v>623306</v>
      </c>
      <c r="BG24" s="1">
        <v>436147</v>
      </c>
      <c r="BH24" s="1">
        <v>50266189</v>
      </c>
      <c r="BI24" s="1">
        <v>1812</v>
      </c>
      <c r="BJ24" s="1">
        <v>1586</v>
      </c>
      <c r="BK24" s="1">
        <v>9926</v>
      </c>
      <c r="BL24" s="1">
        <v>135792</v>
      </c>
      <c r="BM24" s="1">
        <v>77502</v>
      </c>
      <c r="BN24" s="1">
        <v>75722</v>
      </c>
      <c r="BO24" s="1">
        <v>68253</v>
      </c>
      <c r="BP24" s="1">
        <v>71385</v>
      </c>
      <c r="BQ24" s="1">
        <v>40733</v>
      </c>
      <c r="BR24" s="1">
        <v>14987</v>
      </c>
      <c r="BS24" s="1">
        <v>46184</v>
      </c>
      <c r="BT24" s="1">
        <v>353199</v>
      </c>
      <c r="BU24" s="1">
        <v>897081</v>
      </c>
      <c r="BV24" s="1">
        <v>106574</v>
      </c>
      <c r="BW24" s="1">
        <v>51474</v>
      </c>
      <c r="BX24" s="1">
        <v>331214</v>
      </c>
      <c r="BY24" s="1">
        <v>55102</v>
      </c>
      <c r="BZ24" s="1">
        <v>47019</v>
      </c>
      <c r="CA24" s="1">
        <v>383278</v>
      </c>
      <c r="CB24" s="1">
        <v>455096</v>
      </c>
      <c r="CC24" s="1">
        <v>80198</v>
      </c>
      <c r="CD24" s="1">
        <v>13280</v>
      </c>
      <c r="CE24" s="1">
        <v>6846</v>
      </c>
      <c r="CF24" s="1">
        <v>15494</v>
      </c>
      <c r="CG24" s="1">
        <v>37474</v>
      </c>
      <c r="CH24" s="1">
        <v>13796</v>
      </c>
      <c r="CI24" s="1">
        <v>0</v>
      </c>
      <c r="CJ24" s="1">
        <v>34879</v>
      </c>
      <c r="CK24" s="1">
        <v>36087</v>
      </c>
      <c r="CL24" s="1">
        <v>114506</v>
      </c>
      <c r="CM24" s="1">
        <v>22647</v>
      </c>
      <c r="CN24" s="1">
        <v>118930</v>
      </c>
      <c r="CO24" s="1">
        <v>6303</v>
      </c>
      <c r="CP24" s="1">
        <v>37715</v>
      </c>
      <c r="CQ24" s="1">
        <v>24053</v>
      </c>
      <c r="CR24" s="1">
        <v>4255</v>
      </c>
      <c r="CS24" s="3">
        <v>1996220</v>
      </c>
      <c r="CT24" s="1">
        <v>37561</v>
      </c>
      <c r="CU24" s="1">
        <v>2600</v>
      </c>
      <c r="CV24" s="1">
        <v>7473</v>
      </c>
      <c r="CW24" s="1">
        <v>0</v>
      </c>
      <c r="CX24" s="1">
        <v>1296</v>
      </c>
      <c r="CY24" s="1">
        <v>4551</v>
      </c>
      <c r="CZ24" s="1">
        <v>22139</v>
      </c>
      <c r="DA24" s="1">
        <v>1661</v>
      </c>
      <c r="DB24" s="1">
        <v>37522</v>
      </c>
      <c r="DC24" s="1">
        <v>7214</v>
      </c>
      <c r="DD24" s="1">
        <v>836</v>
      </c>
      <c r="DE24" s="1">
        <v>2208</v>
      </c>
      <c r="DF24" s="3">
        <v>125061</v>
      </c>
      <c r="DG24" s="1">
        <v>53284551</v>
      </c>
    </row>
    <row r="25" spans="1:111" ht="10" customHeight="1">
      <c r="A25" s="141"/>
      <c r="B25" s="29"/>
      <c r="C25" s="114" t="s">
        <v>97</v>
      </c>
      <c r="D25" s="93"/>
      <c r="E25" s="94"/>
      <c r="F25" s="1">
        <v>10123742</v>
      </c>
      <c r="G25" s="1">
        <v>953096</v>
      </c>
      <c r="H25" s="1">
        <v>1147755</v>
      </c>
      <c r="I25" s="1">
        <v>3526718</v>
      </c>
      <c r="J25" s="1">
        <v>795804</v>
      </c>
      <c r="K25" s="1">
        <v>348224</v>
      </c>
      <c r="L25" s="1">
        <v>1095255</v>
      </c>
      <c r="M25" s="1">
        <v>620025</v>
      </c>
      <c r="N25" s="1">
        <v>618379</v>
      </c>
      <c r="O25" s="1">
        <v>365754</v>
      </c>
      <c r="P25" s="1">
        <v>389866</v>
      </c>
      <c r="Q25" s="1">
        <v>2100088</v>
      </c>
      <c r="R25" s="1">
        <v>772146</v>
      </c>
      <c r="S25" s="1">
        <v>357309</v>
      </c>
      <c r="T25" s="1">
        <v>801895</v>
      </c>
      <c r="U25" s="1">
        <v>1000425</v>
      </c>
      <c r="V25" s="1">
        <v>940723</v>
      </c>
      <c r="W25" s="1">
        <v>2651242</v>
      </c>
      <c r="X25" s="1">
        <v>1945585</v>
      </c>
      <c r="Y25" s="1">
        <v>374512</v>
      </c>
      <c r="Z25" s="1">
        <v>480564</v>
      </c>
      <c r="AA25" s="1">
        <v>553354</v>
      </c>
      <c r="AB25" s="1">
        <v>198595</v>
      </c>
      <c r="AC25" s="1">
        <v>380925</v>
      </c>
      <c r="AD25" s="1">
        <v>272483</v>
      </c>
      <c r="AE25" s="1">
        <v>845263</v>
      </c>
      <c r="AF25" s="1">
        <v>404037</v>
      </c>
      <c r="AG25" s="1">
        <v>1008423</v>
      </c>
      <c r="AH25" s="1">
        <v>251956</v>
      </c>
      <c r="AI25" s="1">
        <v>941218</v>
      </c>
      <c r="AJ25" s="1">
        <v>397842</v>
      </c>
      <c r="AK25" s="1">
        <v>1530407</v>
      </c>
      <c r="AL25" s="1">
        <v>400123</v>
      </c>
      <c r="AM25" s="1">
        <v>274543</v>
      </c>
      <c r="AN25" s="1">
        <v>332384</v>
      </c>
      <c r="AO25" s="1">
        <v>401509</v>
      </c>
      <c r="AP25" s="1">
        <v>190760</v>
      </c>
      <c r="AQ25" s="1">
        <v>371105</v>
      </c>
      <c r="AR25" s="1">
        <v>264487</v>
      </c>
      <c r="AS25" s="1">
        <v>57054</v>
      </c>
      <c r="AT25" s="1">
        <v>110564</v>
      </c>
      <c r="AU25" s="1">
        <v>173013</v>
      </c>
      <c r="AV25" s="1">
        <v>245681</v>
      </c>
      <c r="AW25" s="1">
        <v>138219</v>
      </c>
      <c r="AX25" s="1">
        <v>71210</v>
      </c>
      <c r="AY25" s="1">
        <v>22193</v>
      </c>
      <c r="AZ25" s="1">
        <v>36921</v>
      </c>
      <c r="BA25" s="1">
        <v>116278</v>
      </c>
      <c r="BB25" s="1">
        <v>132086</v>
      </c>
      <c r="BC25" s="1">
        <v>341099</v>
      </c>
      <c r="BD25" s="1">
        <v>242211</v>
      </c>
      <c r="BE25" s="1">
        <v>221074</v>
      </c>
      <c r="BF25" s="1">
        <v>623306</v>
      </c>
      <c r="BG25" s="1">
        <v>434623</v>
      </c>
      <c r="BH25" s="1">
        <v>43394053</v>
      </c>
      <c r="BI25" s="1">
        <v>1812</v>
      </c>
      <c r="BJ25" s="1">
        <v>0</v>
      </c>
      <c r="BK25" s="1">
        <v>9926</v>
      </c>
      <c r="BL25" s="1">
        <v>135792</v>
      </c>
      <c r="BM25" s="1">
        <v>77502</v>
      </c>
      <c r="BN25" s="1">
        <v>75722</v>
      </c>
      <c r="BO25" s="1">
        <v>67767</v>
      </c>
      <c r="BP25" s="1">
        <v>71385</v>
      </c>
      <c r="BQ25" s="1">
        <v>40733</v>
      </c>
      <c r="BR25" s="1">
        <v>14987</v>
      </c>
      <c r="BS25" s="1">
        <v>40083</v>
      </c>
      <c r="BT25" s="1">
        <v>327756</v>
      </c>
      <c r="BU25" s="1">
        <v>863465</v>
      </c>
      <c r="BV25" s="1">
        <v>0</v>
      </c>
      <c r="BW25" s="1">
        <v>51474</v>
      </c>
      <c r="BX25" s="1">
        <v>331214</v>
      </c>
      <c r="BY25" s="1">
        <v>51582</v>
      </c>
      <c r="BZ25" s="1">
        <v>45643</v>
      </c>
      <c r="CA25" s="1">
        <v>251123</v>
      </c>
      <c r="CB25" s="1">
        <v>303769</v>
      </c>
      <c r="CC25" s="1">
        <v>80198</v>
      </c>
      <c r="CD25" s="1">
        <v>13280</v>
      </c>
      <c r="CE25" s="1">
        <v>6846</v>
      </c>
      <c r="CF25" s="1">
        <v>15494</v>
      </c>
      <c r="CG25" s="1">
        <v>37474</v>
      </c>
      <c r="CH25" s="1">
        <v>13796</v>
      </c>
      <c r="CI25" s="1">
        <v>0</v>
      </c>
      <c r="CJ25" s="1">
        <v>34879</v>
      </c>
      <c r="CK25" s="1">
        <v>29703</v>
      </c>
      <c r="CL25" s="1">
        <v>113791</v>
      </c>
      <c r="CM25" s="1">
        <v>22647</v>
      </c>
      <c r="CN25" s="1">
        <v>118930</v>
      </c>
      <c r="CO25" s="1">
        <v>6303</v>
      </c>
      <c r="CP25" s="1">
        <v>37715</v>
      </c>
      <c r="CQ25" s="1">
        <v>24053</v>
      </c>
      <c r="CR25" s="1">
        <v>4255</v>
      </c>
      <c r="CS25" s="3">
        <v>1594169</v>
      </c>
      <c r="CT25" s="1">
        <v>37561</v>
      </c>
      <c r="CU25" s="1">
        <v>2600</v>
      </c>
      <c r="CV25" s="1">
        <v>7473</v>
      </c>
      <c r="CW25" s="1">
        <v>0</v>
      </c>
      <c r="CX25" s="1">
        <v>800</v>
      </c>
      <c r="CY25" s="1">
        <v>4551</v>
      </c>
      <c r="CZ25" s="1">
        <v>19761</v>
      </c>
      <c r="DA25" s="1">
        <v>1661</v>
      </c>
      <c r="DB25" s="1">
        <v>35352</v>
      </c>
      <c r="DC25" s="1">
        <v>7214</v>
      </c>
      <c r="DD25" s="1">
        <v>836</v>
      </c>
      <c r="DE25" s="1">
        <v>2208</v>
      </c>
      <c r="DF25" s="3">
        <v>120017</v>
      </c>
      <c r="DG25" s="1">
        <v>45971704</v>
      </c>
    </row>
    <row r="26" spans="1:111" ht="10" customHeight="1">
      <c r="A26" s="141"/>
      <c r="B26" s="54"/>
      <c r="C26" s="114" t="s">
        <v>20</v>
      </c>
      <c r="D26" s="114"/>
      <c r="E26" s="94"/>
      <c r="F26" s="1">
        <v>2016890</v>
      </c>
      <c r="G26" s="1">
        <v>0</v>
      </c>
      <c r="H26" s="1">
        <v>0</v>
      </c>
      <c r="I26" s="1">
        <v>85507</v>
      </c>
      <c r="J26" s="1">
        <v>0</v>
      </c>
      <c r="K26" s="1">
        <v>33000</v>
      </c>
      <c r="L26" s="1">
        <v>0</v>
      </c>
      <c r="M26" s="1">
        <v>0</v>
      </c>
      <c r="N26" s="1">
        <v>240679</v>
      </c>
      <c r="O26" s="1">
        <v>13101</v>
      </c>
      <c r="P26" s="1">
        <v>6214</v>
      </c>
      <c r="Q26" s="1">
        <v>810452</v>
      </c>
      <c r="R26" s="1">
        <v>0</v>
      </c>
      <c r="S26" s="1">
        <v>114159</v>
      </c>
      <c r="T26" s="1">
        <v>98670</v>
      </c>
      <c r="U26" s="1">
        <v>198170</v>
      </c>
      <c r="V26" s="1">
        <v>0</v>
      </c>
      <c r="W26" s="1">
        <v>0</v>
      </c>
      <c r="X26" s="1">
        <v>842970</v>
      </c>
      <c r="Y26" s="1">
        <v>0</v>
      </c>
      <c r="Z26" s="1">
        <v>0</v>
      </c>
      <c r="AA26" s="1">
        <v>0</v>
      </c>
      <c r="AB26" s="1">
        <v>0</v>
      </c>
      <c r="AC26" s="1">
        <v>0</v>
      </c>
      <c r="AD26" s="1">
        <v>0</v>
      </c>
      <c r="AE26" s="1">
        <v>0</v>
      </c>
      <c r="AF26" s="1">
        <v>5880</v>
      </c>
      <c r="AG26" s="1">
        <v>761918</v>
      </c>
      <c r="AH26" s="1">
        <v>75566</v>
      </c>
      <c r="AI26" s="1">
        <v>363416</v>
      </c>
      <c r="AJ26" s="1">
        <v>0</v>
      </c>
      <c r="AK26" s="1">
        <v>374983</v>
      </c>
      <c r="AL26" s="1">
        <v>109808</v>
      </c>
      <c r="AM26" s="1">
        <v>0</v>
      </c>
      <c r="AN26" s="1">
        <v>166173</v>
      </c>
      <c r="AO26" s="1">
        <v>45042</v>
      </c>
      <c r="AP26" s="1">
        <v>0</v>
      </c>
      <c r="AQ26" s="1">
        <v>152638</v>
      </c>
      <c r="AR26" s="1">
        <v>168819</v>
      </c>
      <c r="AS26" s="1">
        <v>0</v>
      </c>
      <c r="AT26" s="1">
        <v>0</v>
      </c>
      <c r="AU26" s="1">
        <v>6483</v>
      </c>
      <c r="AV26" s="1">
        <v>41179</v>
      </c>
      <c r="AW26" s="1">
        <v>0</v>
      </c>
      <c r="AX26" s="1">
        <v>486</v>
      </c>
      <c r="AY26" s="1">
        <v>0</v>
      </c>
      <c r="AZ26" s="1">
        <v>1030</v>
      </c>
      <c r="BA26" s="1">
        <v>0</v>
      </c>
      <c r="BB26" s="1">
        <v>0</v>
      </c>
      <c r="BC26" s="1">
        <v>28106</v>
      </c>
      <c r="BD26" s="1">
        <v>109273</v>
      </c>
      <c r="BE26" s="1">
        <v>0</v>
      </c>
      <c r="BF26" s="1">
        <v>0</v>
      </c>
      <c r="BG26" s="1">
        <v>1524</v>
      </c>
      <c r="BH26" s="1">
        <v>6872136</v>
      </c>
      <c r="BI26" s="1">
        <v>0</v>
      </c>
      <c r="BJ26" s="1">
        <v>1586</v>
      </c>
      <c r="BK26" s="1">
        <v>0</v>
      </c>
      <c r="BL26" s="1">
        <v>0</v>
      </c>
      <c r="BM26" s="1">
        <v>0</v>
      </c>
      <c r="BN26" s="1">
        <v>0</v>
      </c>
      <c r="BO26" s="1">
        <v>486</v>
      </c>
      <c r="BP26" s="1">
        <v>0</v>
      </c>
      <c r="BQ26" s="1">
        <v>0</v>
      </c>
      <c r="BR26" s="1">
        <v>0</v>
      </c>
      <c r="BS26" s="1">
        <v>6101</v>
      </c>
      <c r="BT26" s="1">
        <v>25443</v>
      </c>
      <c r="BU26" s="1">
        <v>33616</v>
      </c>
      <c r="BV26" s="1">
        <v>106574</v>
      </c>
      <c r="BW26" s="1">
        <v>0</v>
      </c>
      <c r="BX26" s="1">
        <v>0</v>
      </c>
      <c r="BY26" s="1">
        <v>3520</v>
      </c>
      <c r="BZ26" s="1">
        <v>1376</v>
      </c>
      <c r="CA26" s="1">
        <v>132155</v>
      </c>
      <c r="CB26" s="1">
        <v>151327</v>
      </c>
      <c r="CC26" s="1">
        <v>0</v>
      </c>
      <c r="CD26" s="1">
        <v>0</v>
      </c>
      <c r="CE26" s="1">
        <v>0</v>
      </c>
      <c r="CF26" s="1">
        <v>0</v>
      </c>
      <c r="CG26" s="1">
        <v>0</v>
      </c>
      <c r="CH26" s="1">
        <v>0</v>
      </c>
      <c r="CI26" s="1">
        <v>0</v>
      </c>
      <c r="CJ26" s="1">
        <v>0</v>
      </c>
      <c r="CK26" s="1">
        <v>6384</v>
      </c>
      <c r="CL26" s="1">
        <v>715</v>
      </c>
      <c r="CM26" s="1">
        <v>0</v>
      </c>
      <c r="CN26" s="1">
        <v>0</v>
      </c>
      <c r="CO26" s="1">
        <v>0</v>
      </c>
      <c r="CP26" s="1">
        <v>0</v>
      </c>
      <c r="CQ26" s="1">
        <v>0</v>
      </c>
      <c r="CR26" s="1">
        <v>0</v>
      </c>
      <c r="CS26" s="3">
        <v>402051</v>
      </c>
      <c r="CT26" s="1">
        <v>0</v>
      </c>
      <c r="CU26" s="1">
        <v>0</v>
      </c>
      <c r="CV26" s="1">
        <v>0</v>
      </c>
      <c r="CW26" s="1">
        <v>0</v>
      </c>
      <c r="CX26" s="1">
        <v>496</v>
      </c>
      <c r="CY26" s="1">
        <v>0</v>
      </c>
      <c r="CZ26" s="1">
        <v>2378</v>
      </c>
      <c r="DA26" s="1">
        <v>0</v>
      </c>
      <c r="DB26" s="1">
        <v>2170</v>
      </c>
      <c r="DC26" s="1">
        <v>0</v>
      </c>
      <c r="DD26" s="1">
        <v>0</v>
      </c>
      <c r="DE26" s="1">
        <v>0</v>
      </c>
      <c r="DF26" s="3">
        <v>5044</v>
      </c>
      <c r="DG26" s="1">
        <v>7312847</v>
      </c>
    </row>
    <row r="27" spans="1:111" ht="10" customHeight="1">
      <c r="A27" s="141"/>
      <c r="B27" s="30"/>
      <c r="C27" s="30"/>
      <c r="D27" s="98" t="s">
        <v>98</v>
      </c>
      <c r="E27" s="91"/>
      <c r="F27" s="1">
        <v>1211850</v>
      </c>
      <c r="G27" s="1">
        <v>0</v>
      </c>
      <c r="H27" s="1">
        <v>0</v>
      </c>
      <c r="I27" s="1">
        <v>85507</v>
      </c>
      <c r="J27" s="1">
        <v>0</v>
      </c>
      <c r="K27" s="1">
        <v>33000</v>
      </c>
      <c r="L27" s="1">
        <v>0</v>
      </c>
      <c r="M27" s="1">
        <v>0</v>
      </c>
      <c r="N27" s="1">
        <v>240679</v>
      </c>
      <c r="O27" s="1">
        <v>0</v>
      </c>
      <c r="P27" s="1">
        <v>0</v>
      </c>
      <c r="Q27" s="1">
        <v>810452</v>
      </c>
      <c r="R27" s="1">
        <v>0</v>
      </c>
      <c r="S27" s="1">
        <v>114159</v>
      </c>
      <c r="T27" s="1">
        <v>98670</v>
      </c>
      <c r="U27" s="1">
        <v>198170</v>
      </c>
      <c r="V27" s="1">
        <v>0</v>
      </c>
      <c r="W27" s="1">
        <v>0</v>
      </c>
      <c r="X27" s="1">
        <v>842970</v>
      </c>
      <c r="Y27" s="1">
        <v>0</v>
      </c>
      <c r="Z27" s="1">
        <v>0</v>
      </c>
      <c r="AA27" s="1">
        <v>0</v>
      </c>
      <c r="AB27" s="1">
        <v>0</v>
      </c>
      <c r="AC27" s="1">
        <v>0</v>
      </c>
      <c r="AD27" s="1">
        <v>0</v>
      </c>
      <c r="AE27" s="1">
        <v>0</v>
      </c>
      <c r="AF27" s="1">
        <v>0</v>
      </c>
      <c r="AG27" s="1">
        <v>371582</v>
      </c>
      <c r="AH27" s="1">
        <v>64616</v>
      </c>
      <c r="AI27" s="1">
        <v>363416</v>
      </c>
      <c r="AJ27" s="1">
        <v>0</v>
      </c>
      <c r="AK27" s="1">
        <v>374983</v>
      </c>
      <c r="AL27" s="1">
        <v>109808</v>
      </c>
      <c r="AM27" s="1">
        <v>0</v>
      </c>
      <c r="AN27" s="1">
        <v>163823</v>
      </c>
      <c r="AO27" s="1">
        <v>45042</v>
      </c>
      <c r="AP27" s="1">
        <v>0</v>
      </c>
      <c r="AQ27" s="1">
        <v>152638</v>
      </c>
      <c r="AR27" s="1">
        <v>133249</v>
      </c>
      <c r="AS27" s="1">
        <v>0</v>
      </c>
      <c r="AT27" s="1">
        <v>0</v>
      </c>
      <c r="AU27" s="1">
        <v>1723</v>
      </c>
      <c r="AV27" s="1">
        <v>41179</v>
      </c>
      <c r="AW27" s="1">
        <v>0</v>
      </c>
      <c r="AX27" s="1">
        <v>0</v>
      </c>
      <c r="AY27" s="1">
        <v>0</v>
      </c>
      <c r="AZ27" s="1">
        <v>0</v>
      </c>
      <c r="BA27" s="1">
        <v>0</v>
      </c>
      <c r="BB27" s="1">
        <v>0</v>
      </c>
      <c r="BC27" s="1">
        <v>24062</v>
      </c>
      <c r="BD27" s="1">
        <v>107981</v>
      </c>
      <c r="BE27" s="1">
        <v>0</v>
      </c>
      <c r="BF27" s="1">
        <v>0</v>
      </c>
      <c r="BG27" s="1">
        <v>0</v>
      </c>
      <c r="BH27" s="1">
        <v>5589559</v>
      </c>
      <c r="BI27" s="1">
        <v>0</v>
      </c>
      <c r="BJ27" s="1">
        <v>0</v>
      </c>
      <c r="BK27" s="1">
        <v>0</v>
      </c>
      <c r="BL27" s="1">
        <v>0</v>
      </c>
      <c r="BM27" s="1">
        <v>0</v>
      </c>
      <c r="BN27" s="1">
        <v>0</v>
      </c>
      <c r="BO27" s="1">
        <v>0</v>
      </c>
      <c r="BP27" s="1">
        <v>0</v>
      </c>
      <c r="BQ27" s="1">
        <v>0</v>
      </c>
      <c r="BR27" s="1">
        <v>0</v>
      </c>
      <c r="BS27" s="1">
        <v>6101</v>
      </c>
      <c r="BT27" s="1">
        <v>25443</v>
      </c>
      <c r="BU27" s="1">
        <v>31544</v>
      </c>
      <c r="BV27" s="1">
        <v>0</v>
      </c>
      <c r="BW27" s="1">
        <v>0</v>
      </c>
      <c r="BX27" s="1">
        <v>0</v>
      </c>
      <c r="BY27" s="1">
        <v>0</v>
      </c>
      <c r="BZ27" s="1">
        <v>0</v>
      </c>
      <c r="CA27" s="1">
        <v>132155</v>
      </c>
      <c r="CB27" s="1">
        <v>149037</v>
      </c>
      <c r="CC27" s="1">
        <v>0</v>
      </c>
      <c r="CD27" s="1">
        <v>0</v>
      </c>
      <c r="CE27" s="1">
        <v>0</v>
      </c>
      <c r="CF27" s="1">
        <v>0</v>
      </c>
      <c r="CG27" s="1">
        <v>0</v>
      </c>
      <c r="CH27" s="1">
        <v>0</v>
      </c>
      <c r="CI27" s="1">
        <v>0</v>
      </c>
      <c r="CJ27" s="1">
        <v>0</v>
      </c>
      <c r="CK27" s="1">
        <v>6384</v>
      </c>
      <c r="CL27" s="1">
        <v>0</v>
      </c>
      <c r="CM27" s="1">
        <v>0</v>
      </c>
      <c r="CN27" s="1">
        <v>0</v>
      </c>
      <c r="CO27" s="1">
        <v>0</v>
      </c>
      <c r="CP27" s="1">
        <v>0</v>
      </c>
      <c r="CQ27" s="1">
        <v>0</v>
      </c>
      <c r="CR27" s="1">
        <v>0</v>
      </c>
      <c r="CS27" s="3">
        <v>287576</v>
      </c>
      <c r="CT27" s="1">
        <v>0</v>
      </c>
      <c r="CU27" s="1">
        <v>0</v>
      </c>
      <c r="CV27" s="1">
        <v>0</v>
      </c>
      <c r="CW27" s="1">
        <v>0</v>
      </c>
      <c r="CX27" s="1">
        <v>0</v>
      </c>
      <c r="CY27" s="1">
        <v>0</v>
      </c>
      <c r="CZ27" s="1">
        <v>0</v>
      </c>
      <c r="DA27" s="1">
        <v>0</v>
      </c>
      <c r="DB27" s="1">
        <v>0</v>
      </c>
      <c r="DC27" s="1">
        <v>0</v>
      </c>
      <c r="DD27" s="1">
        <v>0</v>
      </c>
      <c r="DE27" s="1">
        <v>0</v>
      </c>
      <c r="DF27" s="3">
        <v>0</v>
      </c>
      <c r="DG27" s="1">
        <v>5908679</v>
      </c>
    </row>
    <row r="28" spans="1:111" ht="10" customHeight="1">
      <c r="A28" s="141"/>
      <c r="B28" s="98" t="s">
        <v>109</v>
      </c>
      <c r="C28" s="90"/>
      <c r="D28" s="90"/>
      <c r="E28" s="91"/>
      <c r="F28" s="1">
        <v>0</v>
      </c>
      <c r="G28" s="1">
        <v>0</v>
      </c>
      <c r="H28" s="1">
        <v>0</v>
      </c>
      <c r="I28" s="1">
        <v>0</v>
      </c>
      <c r="J28" s="1">
        <v>0</v>
      </c>
      <c r="K28" s="1">
        <v>0</v>
      </c>
      <c r="L28" s="1">
        <v>0</v>
      </c>
      <c r="M28" s="1">
        <v>0</v>
      </c>
      <c r="N28" s="1">
        <v>0</v>
      </c>
      <c r="O28" s="1">
        <v>0</v>
      </c>
      <c r="P28" s="1">
        <v>0</v>
      </c>
      <c r="Q28" s="1">
        <v>0</v>
      </c>
      <c r="R28" s="1">
        <v>0</v>
      </c>
      <c r="S28" s="1">
        <v>0</v>
      </c>
      <c r="T28" s="1">
        <v>0</v>
      </c>
      <c r="U28" s="1">
        <v>0</v>
      </c>
      <c r="V28" s="1">
        <v>0</v>
      </c>
      <c r="W28" s="1">
        <v>0</v>
      </c>
      <c r="X28" s="1">
        <v>0</v>
      </c>
      <c r="Y28" s="1">
        <v>0</v>
      </c>
      <c r="Z28" s="1">
        <v>0</v>
      </c>
      <c r="AA28" s="1">
        <v>0</v>
      </c>
      <c r="AB28" s="1">
        <v>0</v>
      </c>
      <c r="AC28" s="1">
        <v>0</v>
      </c>
      <c r="AD28" s="1">
        <v>0</v>
      </c>
      <c r="AE28" s="1">
        <v>0</v>
      </c>
      <c r="AF28" s="1">
        <v>0</v>
      </c>
      <c r="AG28" s="1">
        <v>0</v>
      </c>
      <c r="AH28" s="1">
        <v>0</v>
      </c>
      <c r="AI28" s="1">
        <v>0</v>
      </c>
      <c r="AJ28" s="1">
        <v>0</v>
      </c>
      <c r="AK28" s="1">
        <v>0</v>
      </c>
      <c r="AL28" s="1">
        <v>0</v>
      </c>
      <c r="AM28" s="1">
        <v>0</v>
      </c>
      <c r="AN28" s="1">
        <v>0</v>
      </c>
      <c r="AO28" s="1">
        <v>0</v>
      </c>
      <c r="AP28" s="1">
        <v>0</v>
      </c>
      <c r="AQ28" s="1">
        <v>0</v>
      </c>
      <c r="AR28" s="1">
        <v>0</v>
      </c>
      <c r="AS28" s="1">
        <v>0</v>
      </c>
      <c r="AT28" s="1">
        <v>0</v>
      </c>
      <c r="AU28" s="1">
        <v>0</v>
      </c>
      <c r="AV28" s="1">
        <v>0</v>
      </c>
      <c r="AW28" s="1">
        <v>0</v>
      </c>
      <c r="AX28" s="1">
        <v>0</v>
      </c>
      <c r="AY28" s="1">
        <v>0</v>
      </c>
      <c r="AZ28" s="1">
        <v>0</v>
      </c>
      <c r="BA28" s="1">
        <v>0</v>
      </c>
      <c r="BB28" s="1">
        <v>0</v>
      </c>
      <c r="BC28" s="1">
        <v>0</v>
      </c>
      <c r="BD28" s="1">
        <v>0</v>
      </c>
      <c r="BE28" s="1">
        <v>0</v>
      </c>
      <c r="BF28" s="1">
        <v>0</v>
      </c>
      <c r="BG28" s="1">
        <v>0</v>
      </c>
      <c r="BH28" s="1">
        <v>0</v>
      </c>
      <c r="BI28" s="1">
        <v>0</v>
      </c>
      <c r="BJ28" s="1">
        <v>0</v>
      </c>
      <c r="BK28" s="1">
        <v>0</v>
      </c>
      <c r="BL28" s="1">
        <v>0</v>
      </c>
      <c r="BM28" s="1">
        <v>0</v>
      </c>
      <c r="BN28" s="1">
        <v>0</v>
      </c>
      <c r="BO28" s="1">
        <v>0</v>
      </c>
      <c r="BP28" s="1">
        <v>0</v>
      </c>
      <c r="BQ28" s="1">
        <v>0</v>
      </c>
      <c r="BR28" s="1">
        <v>0</v>
      </c>
      <c r="BS28" s="1">
        <v>0</v>
      </c>
      <c r="BT28" s="1">
        <v>0</v>
      </c>
      <c r="BU28" s="1">
        <v>0</v>
      </c>
      <c r="BV28" s="1">
        <v>0</v>
      </c>
      <c r="BW28" s="1">
        <v>0</v>
      </c>
      <c r="BX28" s="1">
        <v>0</v>
      </c>
      <c r="BY28" s="1">
        <v>0</v>
      </c>
      <c r="BZ28" s="1">
        <v>0</v>
      </c>
      <c r="CA28" s="1">
        <v>0</v>
      </c>
      <c r="CB28" s="1">
        <v>0</v>
      </c>
      <c r="CC28" s="1">
        <v>0</v>
      </c>
      <c r="CD28" s="1">
        <v>0</v>
      </c>
      <c r="CE28" s="1">
        <v>0</v>
      </c>
      <c r="CF28" s="1">
        <v>0</v>
      </c>
      <c r="CG28" s="1">
        <v>0</v>
      </c>
      <c r="CH28" s="1">
        <v>0</v>
      </c>
      <c r="CI28" s="1">
        <v>0</v>
      </c>
      <c r="CJ28" s="1">
        <v>0</v>
      </c>
      <c r="CK28" s="1">
        <v>0</v>
      </c>
      <c r="CL28" s="1">
        <v>0</v>
      </c>
      <c r="CM28" s="1">
        <v>0</v>
      </c>
      <c r="CN28" s="1">
        <v>0</v>
      </c>
      <c r="CO28" s="1">
        <v>0</v>
      </c>
      <c r="CP28" s="1">
        <v>0</v>
      </c>
      <c r="CQ28" s="1">
        <v>0</v>
      </c>
      <c r="CR28" s="1">
        <v>0</v>
      </c>
      <c r="CS28" s="3">
        <v>0</v>
      </c>
      <c r="CT28" s="1">
        <v>0</v>
      </c>
      <c r="CU28" s="1">
        <v>0</v>
      </c>
      <c r="CV28" s="1">
        <v>0</v>
      </c>
      <c r="CW28" s="1">
        <v>0</v>
      </c>
      <c r="CX28" s="1">
        <v>0</v>
      </c>
      <c r="CY28" s="1">
        <v>0</v>
      </c>
      <c r="CZ28" s="1">
        <v>0</v>
      </c>
      <c r="DA28" s="1">
        <v>0</v>
      </c>
      <c r="DB28" s="1">
        <v>0</v>
      </c>
      <c r="DC28" s="1">
        <v>0</v>
      </c>
      <c r="DD28" s="1">
        <v>0</v>
      </c>
      <c r="DE28" s="1">
        <v>0</v>
      </c>
      <c r="DF28" s="3">
        <v>0</v>
      </c>
      <c r="DG28" s="1">
        <v>0</v>
      </c>
    </row>
    <row r="29" spans="1:111" ht="10" customHeight="1">
      <c r="A29" s="141"/>
      <c r="B29" s="98" t="s">
        <v>148</v>
      </c>
      <c r="C29" s="90"/>
      <c r="D29" s="90"/>
      <c r="E29" s="91"/>
      <c r="F29" s="1">
        <v>0</v>
      </c>
      <c r="G29" s="1">
        <v>0</v>
      </c>
      <c r="H29" s="1">
        <v>0</v>
      </c>
      <c r="I29" s="1">
        <v>0</v>
      </c>
      <c r="J29" s="1">
        <v>0</v>
      </c>
      <c r="K29" s="1">
        <v>0</v>
      </c>
      <c r="L29" s="1">
        <v>0</v>
      </c>
      <c r="M29" s="1">
        <v>0</v>
      </c>
      <c r="N29" s="1">
        <v>0</v>
      </c>
      <c r="O29" s="1">
        <v>0</v>
      </c>
      <c r="P29" s="1">
        <v>0</v>
      </c>
      <c r="Q29" s="1">
        <v>0</v>
      </c>
      <c r="R29" s="1">
        <v>0</v>
      </c>
      <c r="S29" s="1">
        <v>0</v>
      </c>
      <c r="T29" s="1">
        <v>0</v>
      </c>
      <c r="U29" s="1">
        <v>0</v>
      </c>
      <c r="V29" s="1">
        <v>0</v>
      </c>
      <c r="W29" s="1">
        <v>0</v>
      </c>
      <c r="X29" s="1">
        <v>0</v>
      </c>
      <c r="Y29" s="1">
        <v>0</v>
      </c>
      <c r="Z29" s="1">
        <v>0</v>
      </c>
      <c r="AA29" s="1">
        <v>0</v>
      </c>
      <c r="AB29" s="1">
        <v>0</v>
      </c>
      <c r="AC29" s="1">
        <v>0</v>
      </c>
      <c r="AD29" s="1">
        <v>0</v>
      </c>
      <c r="AE29" s="1">
        <v>0</v>
      </c>
      <c r="AF29" s="1">
        <v>0</v>
      </c>
      <c r="AG29" s="1">
        <v>0</v>
      </c>
      <c r="AH29" s="1">
        <v>0</v>
      </c>
      <c r="AI29" s="1">
        <v>0</v>
      </c>
      <c r="AJ29" s="1">
        <v>0</v>
      </c>
      <c r="AK29" s="1">
        <v>0</v>
      </c>
      <c r="AL29" s="1">
        <v>0</v>
      </c>
      <c r="AM29" s="1">
        <v>0</v>
      </c>
      <c r="AN29" s="1">
        <v>0</v>
      </c>
      <c r="AO29" s="1">
        <v>0</v>
      </c>
      <c r="AP29" s="1">
        <v>0</v>
      </c>
      <c r="AQ29" s="1">
        <v>0</v>
      </c>
      <c r="AR29" s="1">
        <v>0</v>
      </c>
      <c r="AS29" s="1">
        <v>0</v>
      </c>
      <c r="AT29" s="1">
        <v>0</v>
      </c>
      <c r="AU29" s="1">
        <v>0</v>
      </c>
      <c r="AV29" s="1">
        <v>0</v>
      </c>
      <c r="AW29" s="1">
        <v>0</v>
      </c>
      <c r="AX29" s="1">
        <v>0</v>
      </c>
      <c r="AY29" s="1">
        <v>0</v>
      </c>
      <c r="AZ29" s="1">
        <v>0</v>
      </c>
      <c r="BA29" s="1">
        <v>0</v>
      </c>
      <c r="BB29" s="1">
        <v>0</v>
      </c>
      <c r="BC29" s="1">
        <v>0</v>
      </c>
      <c r="BD29" s="1">
        <v>0</v>
      </c>
      <c r="BE29" s="1">
        <v>0</v>
      </c>
      <c r="BF29" s="1">
        <v>0</v>
      </c>
      <c r="BG29" s="1">
        <v>0</v>
      </c>
      <c r="BH29" s="1">
        <v>0</v>
      </c>
      <c r="BI29" s="1">
        <v>0</v>
      </c>
      <c r="BJ29" s="1">
        <v>0</v>
      </c>
      <c r="BK29" s="1">
        <v>0</v>
      </c>
      <c r="BL29" s="1">
        <v>0</v>
      </c>
      <c r="BM29" s="1">
        <v>0</v>
      </c>
      <c r="BN29" s="1">
        <v>0</v>
      </c>
      <c r="BO29" s="1">
        <v>0</v>
      </c>
      <c r="BP29" s="1">
        <v>0</v>
      </c>
      <c r="BQ29" s="1">
        <v>0</v>
      </c>
      <c r="BR29" s="1">
        <v>0</v>
      </c>
      <c r="BS29" s="1">
        <v>0</v>
      </c>
      <c r="BT29" s="1">
        <v>0</v>
      </c>
      <c r="BU29" s="1">
        <v>0</v>
      </c>
      <c r="BV29" s="1">
        <v>0</v>
      </c>
      <c r="BW29" s="1">
        <v>0</v>
      </c>
      <c r="BX29" s="1">
        <v>0</v>
      </c>
      <c r="BY29" s="1">
        <v>0</v>
      </c>
      <c r="BZ29" s="1">
        <v>0</v>
      </c>
      <c r="CA29" s="1">
        <v>0</v>
      </c>
      <c r="CB29" s="1">
        <v>0</v>
      </c>
      <c r="CC29" s="1">
        <v>0</v>
      </c>
      <c r="CD29" s="1">
        <v>0</v>
      </c>
      <c r="CE29" s="1">
        <v>0</v>
      </c>
      <c r="CF29" s="1">
        <v>0</v>
      </c>
      <c r="CG29" s="1">
        <v>0</v>
      </c>
      <c r="CH29" s="1">
        <v>0</v>
      </c>
      <c r="CI29" s="1">
        <v>0</v>
      </c>
      <c r="CJ29" s="1">
        <v>0</v>
      </c>
      <c r="CK29" s="1">
        <v>0</v>
      </c>
      <c r="CL29" s="1">
        <v>0</v>
      </c>
      <c r="CM29" s="1">
        <v>0</v>
      </c>
      <c r="CN29" s="1">
        <v>0</v>
      </c>
      <c r="CO29" s="1">
        <v>0</v>
      </c>
      <c r="CP29" s="1">
        <v>0</v>
      </c>
      <c r="CQ29" s="1">
        <v>0</v>
      </c>
      <c r="CR29" s="1">
        <v>0</v>
      </c>
      <c r="CS29" s="3">
        <v>0</v>
      </c>
      <c r="CT29" s="1">
        <v>0</v>
      </c>
      <c r="CU29" s="1">
        <v>0</v>
      </c>
      <c r="CV29" s="1">
        <v>0</v>
      </c>
      <c r="CW29" s="1">
        <v>0</v>
      </c>
      <c r="CX29" s="1">
        <v>0</v>
      </c>
      <c r="CY29" s="1">
        <v>0</v>
      </c>
      <c r="CZ29" s="1">
        <v>0</v>
      </c>
      <c r="DA29" s="1">
        <v>0</v>
      </c>
      <c r="DB29" s="1">
        <v>0</v>
      </c>
      <c r="DC29" s="1">
        <v>0</v>
      </c>
      <c r="DD29" s="1">
        <v>0</v>
      </c>
      <c r="DE29" s="1">
        <v>0</v>
      </c>
      <c r="DF29" s="3">
        <v>0</v>
      </c>
      <c r="DG29" s="1">
        <v>0</v>
      </c>
    </row>
    <row r="30" spans="1:111" ht="10" customHeight="1">
      <c r="A30" s="142"/>
      <c r="B30" s="98" t="s">
        <v>20</v>
      </c>
      <c r="C30" s="90"/>
      <c r="D30" s="90"/>
      <c r="E30" s="91"/>
      <c r="F30" s="1">
        <v>1590</v>
      </c>
      <c r="G30" s="1">
        <v>0</v>
      </c>
      <c r="H30" s="1">
        <v>0</v>
      </c>
      <c r="I30" s="1">
        <v>0</v>
      </c>
      <c r="J30" s="1">
        <v>0</v>
      </c>
      <c r="K30" s="1">
        <v>0</v>
      </c>
      <c r="L30" s="1">
        <v>1024</v>
      </c>
      <c r="M30" s="1">
        <v>0</v>
      </c>
      <c r="N30" s="1">
        <v>860</v>
      </c>
      <c r="O30" s="1">
        <v>0</v>
      </c>
      <c r="P30" s="1">
        <v>0</v>
      </c>
      <c r="Q30" s="1">
        <v>0</v>
      </c>
      <c r="R30" s="1">
        <v>0</v>
      </c>
      <c r="S30" s="1">
        <v>0</v>
      </c>
      <c r="T30" s="1">
        <v>0</v>
      </c>
      <c r="U30" s="1">
        <v>1260</v>
      </c>
      <c r="V30" s="1">
        <v>320</v>
      </c>
      <c r="W30" s="1">
        <v>0</v>
      </c>
      <c r="X30" s="1">
        <v>0</v>
      </c>
      <c r="Y30" s="1">
        <v>0</v>
      </c>
      <c r="Z30" s="1">
        <v>0</v>
      </c>
      <c r="AA30" s="1">
        <v>0</v>
      </c>
      <c r="AB30" s="1">
        <v>0</v>
      </c>
      <c r="AC30" s="1">
        <v>37579</v>
      </c>
      <c r="AD30" s="1">
        <v>0</v>
      </c>
      <c r="AE30" s="1">
        <v>0</v>
      </c>
      <c r="AF30" s="1">
        <v>21309</v>
      </c>
      <c r="AG30" s="1">
        <v>1220</v>
      </c>
      <c r="AH30" s="1">
        <v>0</v>
      </c>
      <c r="AI30" s="1">
        <v>1000</v>
      </c>
      <c r="AJ30" s="1">
        <v>0</v>
      </c>
      <c r="AK30" s="1">
        <v>0</v>
      </c>
      <c r="AL30" s="1">
        <v>0</v>
      </c>
      <c r="AM30" s="1">
        <v>11</v>
      </c>
      <c r="AN30" s="1">
        <v>0</v>
      </c>
      <c r="AO30" s="1">
        <v>0</v>
      </c>
      <c r="AP30" s="1">
        <v>0</v>
      </c>
      <c r="AQ30" s="1">
        <v>0</v>
      </c>
      <c r="AR30" s="1">
        <v>0</v>
      </c>
      <c r="AS30" s="1">
        <v>0</v>
      </c>
      <c r="AT30" s="1">
        <v>0</v>
      </c>
      <c r="AU30" s="1">
        <v>0</v>
      </c>
      <c r="AV30" s="1">
        <v>0</v>
      </c>
      <c r="AW30" s="1">
        <v>0</v>
      </c>
      <c r="AX30" s="1">
        <v>0</v>
      </c>
      <c r="AY30" s="1">
        <v>880</v>
      </c>
      <c r="AZ30" s="1">
        <v>0</v>
      </c>
      <c r="BA30" s="1">
        <v>0</v>
      </c>
      <c r="BB30" s="1">
        <v>0</v>
      </c>
      <c r="BC30" s="1">
        <v>0</v>
      </c>
      <c r="BD30" s="1">
        <v>0</v>
      </c>
      <c r="BE30" s="1">
        <v>0</v>
      </c>
      <c r="BF30" s="1">
        <v>131141</v>
      </c>
      <c r="BG30" s="1">
        <v>2222</v>
      </c>
      <c r="BH30" s="1">
        <v>200416</v>
      </c>
      <c r="BI30" s="1">
        <v>0</v>
      </c>
      <c r="BJ30" s="1">
        <v>0</v>
      </c>
      <c r="BK30" s="1">
        <v>0</v>
      </c>
      <c r="BL30" s="1">
        <v>0</v>
      </c>
      <c r="BM30" s="1">
        <v>0</v>
      </c>
      <c r="BN30" s="1">
        <v>0</v>
      </c>
      <c r="BO30" s="1">
        <v>0</v>
      </c>
      <c r="BP30" s="1">
        <v>0</v>
      </c>
      <c r="BQ30" s="1">
        <v>0</v>
      </c>
      <c r="BR30" s="1">
        <v>0</v>
      </c>
      <c r="BS30" s="1">
        <v>0</v>
      </c>
      <c r="BT30" s="1">
        <v>0</v>
      </c>
      <c r="BU30" s="1">
        <v>0</v>
      </c>
      <c r="BV30" s="1">
        <v>0</v>
      </c>
      <c r="BW30" s="1">
        <v>0</v>
      </c>
      <c r="BX30" s="1">
        <v>0</v>
      </c>
      <c r="BY30" s="1">
        <v>0</v>
      </c>
      <c r="BZ30" s="1">
        <v>0</v>
      </c>
      <c r="CA30" s="1">
        <v>2059</v>
      </c>
      <c r="CB30" s="1">
        <v>0</v>
      </c>
      <c r="CC30" s="1">
        <v>0</v>
      </c>
      <c r="CD30" s="1">
        <v>0</v>
      </c>
      <c r="CE30" s="1">
        <v>0</v>
      </c>
      <c r="CF30" s="1">
        <v>0</v>
      </c>
      <c r="CG30" s="1">
        <v>0</v>
      </c>
      <c r="CH30" s="1">
        <v>0</v>
      </c>
      <c r="CI30" s="1">
        <v>0</v>
      </c>
      <c r="CJ30" s="1">
        <v>0</v>
      </c>
      <c r="CK30" s="1">
        <v>0</v>
      </c>
      <c r="CL30" s="1">
        <v>0</v>
      </c>
      <c r="CM30" s="1">
        <v>0</v>
      </c>
      <c r="CN30" s="1">
        <v>825</v>
      </c>
      <c r="CO30" s="1">
        <v>0</v>
      </c>
      <c r="CP30" s="1">
        <v>0</v>
      </c>
      <c r="CQ30" s="1">
        <v>0</v>
      </c>
      <c r="CR30" s="1">
        <v>0</v>
      </c>
      <c r="CS30" s="3">
        <v>2884</v>
      </c>
      <c r="CT30" s="1">
        <v>158</v>
      </c>
      <c r="CU30" s="1">
        <v>0</v>
      </c>
      <c r="CV30" s="1">
        <v>0</v>
      </c>
      <c r="CW30" s="1">
        <v>0</v>
      </c>
      <c r="CX30" s="1">
        <v>0</v>
      </c>
      <c r="CY30" s="1">
        <v>0</v>
      </c>
      <c r="CZ30" s="1">
        <v>0</v>
      </c>
      <c r="DA30" s="1">
        <v>0</v>
      </c>
      <c r="DB30" s="1">
        <v>0</v>
      </c>
      <c r="DC30" s="1">
        <v>0</v>
      </c>
      <c r="DD30" s="1">
        <v>0</v>
      </c>
      <c r="DE30" s="1">
        <v>1000</v>
      </c>
      <c r="DF30" s="3">
        <v>1158</v>
      </c>
      <c r="DG30" s="1">
        <v>204458</v>
      </c>
    </row>
    <row r="31" spans="1:111" ht="10" customHeight="1">
      <c r="A31" s="195"/>
      <c r="B31" s="98" t="s">
        <v>110</v>
      </c>
      <c r="C31" s="196"/>
      <c r="D31" s="98"/>
      <c r="E31" s="91"/>
      <c r="F31" s="1">
        <v>23633108</v>
      </c>
      <c r="G31" s="1">
        <v>3409268</v>
      </c>
      <c r="H31" s="1">
        <v>2995151</v>
      </c>
      <c r="I31" s="1">
        <v>7496800</v>
      </c>
      <c r="J31" s="1">
        <v>1512653</v>
      </c>
      <c r="K31" s="1">
        <v>468583</v>
      </c>
      <c r="L31" s="1">
        <v>4875898</v>
      </c>
      <c r="M31" s="1">
        <v>1306624</v>
      </c>
      <c r="N31" s="1">
        <v>1443442</v>
      </c>
      <c r="O31" s="1">
        <v>1660272</v>
      </c>
      <c r="P31" s="1">
        <v>1176821</v>
      </c>
      <c r="Q31" s="1">
        <v>4699718</v>
      </c>
      <c r="R31" s="1">
        <v>1548891</v>
      </c>
      <c r="S31" s="1">
        <v>607568</v>
      </c>
      <c r="T31" s="1">
        <v>1679894</v>
      </c>
      <c r="U31" s="1">
        <v>2465580</v>
      </c>
      <c r="V31" s="1">
        <v>2818741</v>
      </c>
      <c r="W31" s="1">
        <v>3749711</v>
      </c>
      <c r="X31" s="1">
        <v>3828285</v>
      </c>
      <c r="Y31" s="1">
        <v>813285</v>
      </c>
      <c r="Z31" s="1">
        <v>5847930</v>
      </c>
      <c r="AA31" s="1">
        <v>1025422</v>
      </c>
      <c r="AB31" s="1">
        <v>1384660</v>
      </c>
      <c r="AC31" s="1">
        <v>1042155</v>
      </c>
      <c r="AD31" s="1">
        <v>343757</v>
      </c>
      <c r="AE31" s="1">
        <v>1852755</v>
      </c>
      <c r="AF31" s="1">
        <v>734995</v>
      </c>
      <c r="AG31" s="1">
        <v>3303365</v>
      </c>
      <c r="AH31" s="1">
        <v>559815</v>
      </c>
      <c r="AI31" s="1">
        <v>2861699</v>
      </c>
      <c r="AJ31" s="1">
        <v>1237581</v>
      </c>
      <c r="AK31" s="1">
        <v>3408423</v>
      </c>
      <c r="AL31" s="1">
        <v>699511</v>
      </c>
      <c r="AM31" s="1">
        <v>637093</v>
      </c>
      <c r="AN31" s="1">
        <v>683546</v>
      </c>
      <c r="AO31" s="1">
        <v>1199716</v>
      </c>
      <c r="AP31" s="1">
        <v>1607938</v>
      </c>
      <c r="AQ31" s="1">
        <v>1103610</v>
      </c>
      <c r="AR31" s="1">
        <v>515756</v>
      </c>
      <c r="AS31" s="1">
        <v>173399</v>
      </c>
      <c r="AT31" s="1">
        <v>141177</v>
      </c>
      <c r="AU31" s="1">
        <v>294231</v>
      </c>
      <c r="AV31" s="1">
        <v>508313</v>
      </c>
      <c r="AW31" s="1">
        <v>230374</v>
      </c>
      <c r="AX31" s="1">
        <v>186656</v>
      </c>
      <c r="AY31" s="1">
        <v>90933</v>
      </c>
      <c r="AZ31" s="1">
        <v>50491</v>
      </c>
      <c r="BA31" s="1">
        <v>411886</v>
      </c>
      <c r="BB31" s="1">
        <v>334100</v>
      </c>
      <c r="BC31" s="1">
        <v>421807</v>
      </c>
      <c r="BD31" s="1">
        <v>470220</v>
      </c>
      <c r="BE31" s="1">
        <v>309274</v>
      </c>
      <c r="BF31" s="1">
        <v>1608450</v>
      </c>
      <c r="BG31" s="1">
        <v>1422193</v>
      </c>
      <c r="BH31" s="1">
        <v>108893524</v>
      </c>
      <c r="BI31" s="1">
        <v>7582</v>
      </c>
      <c r="BJ31" s="1">
        <v>1675</v>
      </c>
      <c r="BK31" s="1">
        <v>9926</v>
      </c>
      <c r="BL31" s="1">
        <v>327463</v>
      </c>
      <c r="BM31" s="1">
        <v>132172</v>
      </c>
      <c r="BN31" s="1">
        <v>75722</v>
      </c>
      <c r="BO31" s="1">
        <v>87117</v>
      </c>
      <c r="BP31" s="1">
        <v>214879</v>
      </c>
      <c r="BQ31" s="1">
        <v>40733</v>
      </c>
      <c r="BR31" s="1">
        <v>20650</v>
      </c>
      <c r="BS31" s="1">
        <v>46853</v>
      </c>
      <c r="BT31" s="1">
        <v>564294</v>
      </c>
      <c r="BU31" s="1">
        <v>1529066</v>
      </c>
      <c r="BV31" s="1">
        <v>206603</v>
      </c>
      <c r="BW31" s="1">
        <v>65757</v>
      </c>
      <c r="BX31" s="1">
        <v>343456</v>
      </c>
      <c r="BY31" s="1">
        <v>63615</v>
      </c>
      <c r="BZ31" s="1">
        <v>47019</v>
      </c>
      <c r="CA31" s="1">
        <v>475550</v>
      </c>
      <c r="CB31" s="1">
        <v>546759</v>
      </c>
      <c r="CC31" s="1">
        <v>142793</v>
      </c>
      <c r="CD31" s="1">
        <v>14370</v>
      </c>
      <c r="CE31" s="1">
        <v>6846</v>
      </c>
      <c r="CF31" s="1">
        <v>15700</v>
      </c>
      <c r="CG31" s="1">
        <v>37991</v>
      </c>
      <c r="CH31" s="1">
        <v>20440</v>
      </c>
      <c r="CI31" s="1">
        <v>0</v>
      </c>
      <c r="CJ31" s="1">
        <v>36199</v>
      </c>
      <c r="CK31" s="1">
        <v>140630</v>
      </c>
      <c r="CL31" s="1">
        <v>536763</v>
      </c>
      <c r="CM31" s="1">
        <v>27173</v>
      </c>
      <c r="CN31" s="1">
        <v>147012</v>
      </c>
      <c r="CO31" s="1">
        <v>7022</v>
      </c>
      <c r="CP31" s="1">
        <v>46515</v>
      </c>
      <c r="CQ31" s="1">
        <v>25263</v>
      </c>
      <c r="CR31" s="1">
        <v>4805</v>
      </c>
      <c r="CS31" s="3">
        <v>2958281</v>
      </c>
      <c r="CT31" s="1">
        <v>87131</v>
      </c>
      <c r="CU31" s="1">
        <v>6376</v>
      </c>
      <c r="CV31" s="1">
        <v>14883</v>
      </c>
      <c r="CW31" s="1">
        <v>2257</v>
      </c>
      <c r="CX31" s="1">
        <v>2565</v>
      </c>
      <c r="CY31" s="1">
        <v>13530</v>
      </c>
      <c r="CZ31" s="1">
        <v>37982</v>
      </c>
      <c r="DA31" s="1">
        <v>29299</v>
      </c>
      <c r="DB31" s="1">
        <v>64749</v>
      </c>
      <c r="DC31" s="1">
        <v>13583</v>
      </c>
      <c r="DD31" s="1">
        <v>5104</v>
      </c>
      <c r="DE31" s="1">
        <v>10741</v>
      </c>
      <c r="DF31" s="3">
        <v>288200</v>
      </c>
      <c r="DG31" s="1">
        <v>113669071</v>
      </c>
    </row>
    <row r="32" spans="1:111" ht="10" customHeight="1">
      <c r="A32" s="200" t="s">
        <v>111</v>
      </c>
      <c r="B32" s="201"/>
      <c r="C32" s="202"/>
      <c r="D32" s="90" t="s">
        <v>112</v>
      </c>
      <c r="E32" s="91"/>
      <c r="F32" s="1">
        <v>0</v>
      </c>
      <c r="G32" s="1">
        <v>0</v>
      </c>
      <c r="H32" s="1">
        <v>0</v>
      </c>
      <c r="I32" s="1">
        <v>0</v>
      </c>
      <c r="J32" s="1">
        <v>0</v>
      </c>
      <c r="K32" s="1">
        <v>0</v>
      </c>
      <c r="L32" s="1">
        <v>0</v>
      </c>
      <c r="M32" s="1">
        <v>0</v>
      </c>
      <c r="N32" s="1">
        <v>0</v>
      </c>
      <c r="O32" s="1">
        <v>0</v>
      </c>
      <c r="P32" s="1">
        <v>0</v>
      </c>
      <c r="Q32" s="1">
        <v>0</v>
      </c>
      <c r="R32" s="1">
        <v>0</v>
      </c>
      <c r="S32" s="1">
        <v>0</v>
      </c>
      <c r="T32" s="1">
        <v>0</v>
      </c>
      <c r="U32" s="1">
        <v>0</v>
      </c>
      <c r="V32" s="1">
        <v>0</v>
      </c>
      <c r="W32" s="1">
        <v>0</v>
      </c>
      <c r="X32" s="1">
        <v>0</v>
      </c>
      <c r="Y32" s="1">
        <v>0</v>
      </c>
      <c r="Z32" s="1">
        <v>0</v>
      </c>
      <c r="AA32" s="1">
        <v>0</v>
      </c>
      <c r="AB32" s="1">
        <v>0</v>
      </c>
      <c r="AC32" s="1">
        <v>0</v>
      </c>
      <c r="AD32" s="1">
        <v>0</v>
      </c>
      <c r="AE32" s="1">
        <v>0</v>
      </c>
      <c r="AF32" s="1">
        <v>0</v>
      </c>
      <c r="AG32" s="1">
        <v>0</v>
      </c>
      <c r="AH32" s="1">
        <v>0</v>
      </c>
      <c r="AI32" s="1">
        <v>0</v>
      </c>
      <c r="AJ32" s="1">
        <v>0</v>
      </c>
      <c r="AK32" s="1">
        <v>0</v>
      </c>
      <c r="AL32" s="1">
        <v>0</v>
      </c>
      <c r="AM32" s="1">
        <v>0</v>
      </c>
      <c r="AN32" s="1">
        <v>0</v>
      </c>
      <c r="AO32" s="1">
        <v>0</v>
      </c>
      <c r="AP32" s="1">
        <v>0</v>
      </c>
      <c r="AQ32" s="1">
        <v>0</v>
      </c>
      <c r="AR32" s="1">
        <v>0</v>
      </c>
      <c r="AS32" s="1">
        <v>0</v>
      </c>
      <c r="AT32" s="1">
        <v>4553</v>
      </c>
      <c r="AU32" s="1">
        <v>0</v>
      </c>
      <c r="AV32" s="1">
        <v>0</v>
      </c>
      <c r="AW32" s="1">
        <v>0</v>
      </c>
      <c r="AX32" s="1">
        <v>0</v>
      </c>
      <c r="AY32" s="1">
        <v>0</v>
      </c>
      <c r="AZ32" s="1">
        <v>0</v>
      </c>
      <c r="BA32" s="1">
        <v>0</v>
      </c>
      <c r="BB32" s="1">
        <v>0</v>
      </c>
      <c r="BC32" s="1">
        <v>0</v>
      </c>
      <c r="BD32" s="1">
        <v>0</v>
      </c>
      <c r="BE32" s="1">
        <v>0</v>
      </c>
      <c r="BF32" s="1">
        <v>0</v>
      </c>
      <c r="BG32" s="1">
        <v>0</v>
      </c>
      <c r="BH32" s="1">
        <v>4553</v>
      </c>
      <c r="BI32" s="1">
        <v>0</v>
      </c>
      <c r="BJ32" s="1">
        <v>0</v>
      </c>
      <c r="BK32" s="1">
        <v>0</v>
      </c>
      <c r="BL32" s="1">
        <v>0</v>
      </c>
      <c r="BM32" s="1">
        <v>0</v>
      </c>
      <c r="BN32" s="1">
        <v>0</v>
      </c>
      <c r="BO32" s="1">
        <v>0</v>
      </c>
      <c r="BP32" s="1">
        <v>0</v>
      </c>
      <c r="BQ32" s="1">
        <v>0</v>
      </c>
      <c r="BR32" s="1">
        <v>0</v>
      </c>
      <c r="BS32" s="1">
        <v>0</v>
      </c>
      <c r="BT32" s="1">
        <v>0</v>
      </c>
      <c r="BU32" s="1">
        <v>0</v>
      </c>
      <c r="BV32" s="1">
        <v>0</v>
      </c>
      <c r="BW32" s="1">
        <v>0</v>
      </c>
      <c r="BX32" s="1">
        <v>0</v>
      </c>
      <c r="BY32" s="1">
        <v>0</v>
      </c>
      <c r="BZ32" s="1">
        <v>0</v>
      </c>
      <c r="CA32" s="1">
        <v>0</v>
      </c>
      <c r="CB32" s="1">
        <v>0</v>
      </c>
      <c r="CC32" s="1">
        <v>0</v>
      </c>
      <c r="CD32" s="1">
        <v>2760</v>
      </c>
      <c r="CE32" s="1">
        <v>0</v>
      </c>
      <c r="CF32" s="1">
        <v>0</v>
      </c>
      <c r="CG32" s="1">
        <v>0</v>
      </c>
      <c r="CH32" s="1">
        <v>0</v>
      </c>
      <c r="CI32" s="1">
        <v>80</v>
      </c>
      <c r="CJ32" s="1">
        <v>0</v>
      </c>
      <c r="CK32" s="1">
        <v>0</v>
      </c>
      <c r="CL32" s="1">
        <v>0</v>
      </c>
      <c r="CM32" s="1">
        <v>0</v>
      </c>
      <c r="CN32" s="1">
        <v>19680</v>
      </c>
      <c r="CO32" s="1">
        <v>66</v>
      </c>
      <c r="CP32" s="1">
        <v>0</v>
      </c>
      <c r="CQ32" s="1">
        <v>0</v>
      </c>
      <c r="CR32" s="1">
        <v>0</v>
      </c>
      <c r="CS32" s="3">
        <v>22586</v>
      </c>
      <c r="CT32" s="1">
        <v>0</v>
      </c>
      <c r="CU32" s="1">
        <v>0</v>
      </c>
      <c r="CV32" s="1">
        <v>0</v>
      </c>
      <c r="CW32" s="1">
        <v>0</v>
      </c>
      <c r="CX32" s="1">
        <v>0</v>
      </c>
      <c r="CY32" s="1">
        <v>0</v>
      </c>
      <c r="CZ32" s="1">
        <v>0</v>
      </c>
      <c r="DA32" s="1">
        <v>0</v>
      </c>
      <c r="DB32" s="1">
        <v>0</v>
      </c>
      <c r="DC32" s="1">
        <v>0</v>
      </c>
      <c r="DD32" s="1">
        <v>1897</v>
      </c>
      <c r="DE32" s="1">
        <v>0</v>
      </c>
      <c r="DF32" s="3">
        <v>1897</v>
      </c>
      <c r="DG32" s="1">
        <v>29036</v>
      </c>
    </row>
    <row r="33" spans="1:111" ht="10" customHeight="1">
      <c r="A33" s="203"/>
      <c r="B33" s="204"/>
      <c r="C33" s="202"/>
      <c r="D33" s="21" t="s">
        <v>307</v>
      </c>
      <c r="E33" s="22"/>
      <c r="F33" s="2">
        <v>11783879</v>
      </c>
      <c r="G33" s="2">
        <v>2607069</v>
      </c>
      <c r="H33" s="2">
        <v>1183372</v>
      </c>
      <c r="I33" s="2">
        <v>4011011</v>
      </c>
      <c r="J33" s="2">
        <v>641867</v>
      </c>
      <c r="K33" s="2">
        <v>319289</v>
      </c>
      <c r="L33" s="2">
        <v>3491117</v>
      </c>
      <c r="M33" s="2">
        <v>805128</v>
      </c>
      <c r="N33" s="2">
        <v>464074</v>
      </c>
      <c r="O33" s="2">
        <v>751751</v>
      </c>
      <c r="P33" s="2">
        <v>352002</v>
      </c>
      <c r="Q33" s="2">
        <v>2425803</v>
      </c>
      <c r="R33" s="2">
        <v>1215960</v>
      </c>
      <c r="S33" s="2">
        <v>427247</v>
      </c>
      <c r="T33" s="2">
        <v>1097532</v>
      </c>
      <c r="U33" s="2">
        <v>1041062</v>
      </c>
      <c r="V33" s="2">
        <v>814450</v>
      </c>
      <c r="W33" s="2">
        <v>1818178</v>
      </c>
      <c r="X33" s="2">
        <v>1951008</v>
      </c>
      <c r="Y33" s="2">
        <v>417328</v>
      </c>
      <c r="Z33" s="2">
        <v>987615</v>
      </c>
      <c r="AA33" s="2">
        <v>838314</v>
      </c>
      <c r="AB33" s="2">
        <v>383712</v>
      </c>
      <c r="AC33" s="2">
        <v>365549</v>
      </c>
      <c r="AD33" s="2">
        <v>298833</v>
      </c>
      <c r="AE33" s="2">
        <v>1228809</v>
      </c>
      <c r="AF33" s="2">
        <v>216693</v>
      </c>
      <c r="AG33" s="2">
        <v>966725</v>
      </c>
      <c r="AH33" s="2">
        <v>350219</v>
      </c>
      <c r="AI33" s="2">
        <v>833290</v>
      </c>
      <c r="AJ33" s="2">
        <v>588753</v>
      </c>
      <c r="AK33" s="2">
        <v>1342732</v>
      </c>
      <c r="AL33" s="2">
        <v>321827</v>
      </c>
      <c r="AM33" s="2">
        <v>56787</v>
      </c>
      <c r="AN33" s="2">
        <v>175460</v>
      </c>
      <c r="AO33" s="2">
        <v>268602</v>
      </c>
      <c r="AP33" s="2">
        <v>167640</v>
      </c>
      <c r="AQ33" s="2">
        <v>311687</v>
      </c>
      <c r="AR33" s="2">
        <v>194578</v>
      </c>
      <c r="AS33" s="2">
        <v>68233</v>
      </c>
      <c r="AT33" s="2">
        <v>0</v>
      </c>
      <c r="AU33" s="2">
        <v>82315</v>
      </c>
      <c r="AV33" s="2">
        <v>207140</v>
      </c>
      <c r="AW33" s="2">
        <v>141274</v>
      </c>
      <c r="AX33" s="2">
        <v>70798</v>
      </c>
      <c r="AY33" s="2">
        <v>26699</v>
      </c>
      <c r="AZ33" s="2">
        <v>30601</v>
      </c>
      <c r="BA33" s="2">
        <v>75725</v>
      </c>
      <c r="BB33" s="2">
        <v>132625</v>
      </c>
      <c r="BC33" s="2">
        <v>119639</v>
      </c>
      <c r="BD33" s="2">
        <v>171164</v>
      </c>
      <c r="BE33" s="2">
        <v>234507</v>
      </c>
      <c r="BF33" s="2">
        <v>1127400</v>
      </c>
      <c r="BG33" s="2">
        <v>128853</v>
      </c>
      <c r="BH33" s="2">
        <v>50133925</v>
      </c>
      <c r="BI33" s="2">
        <v>7582</v>
      </c>
      <c r="BJ33" s="2">
        <v>0</v>
      </c>
      <c r="BK33" s="2">
        <v>9926</v>
      </c>
      <c r="BL33" s="2">
        <v>144973</v>
      </c>
      <c r="BM33" s="2">
        <v>25508</v>
      </c>
      <c r="BN33" s="2">
        <v>66359</v>
      </c>
      <c r="BO33" s="2">
        <v>29666</v>
      </c>
      <c r="BP33" s="2">
        <v>34262</v>
      </c>
      <c r="BQ33" s="2">
        <v>34799</v>
      </c>
      <c r="BR33" s="2">
        <v>13747</v>
      </c>
      <c r="BS33" s="2">
        <v>8062</v>
      </c>
      <c r="BT33" s="2">
        <v>279030</v>
      </c>
      <c r="BU33" s="2">
        <v>653914</v>
      </c>
      <c r="BV33" s="2">
        <v>113784</v>
      </c>
      <c r="BW33" s="2">
        <v>59957</v>
      </c>
      <c r="BX33" s="2">
        <v>5138</v>
      </c>
      <c r="BY33" s="2">
        <v>30645</v>
      </c>
      <c r="BZ33" s="2">
        <v>44995</v>
      </c>
      <c r="CA33" s="2">
        <v>240985</v>
      </c>
      <c r="CB33" s="2">
        <v>179622</v>
      </c>
      <c r="CC33" s="2">
        <v>15467</v>
      </c>
      <c r="CD33" s="2">
        <v>0</v>
      </c>
      <c r="CE33" s="2">
        <v>6846</v>
      </c>
      <c r="CF33" s="2">
        <v>5481</v>
      </c>
      <c r="CG33" s="2">
        <v>15545</v>
      </c>
      <c r="CH33" s="2">
        <v>3599</v>
      </c>
      <c r="CI33" s="2">
        <v>0</v>
      </c>
      <c r="CJ33" s="2">
        <v>620</v>
      </c>
      <c r="CK33" s="2">
        <v>27016</v>
      </c>
      <c r="CL33" s="2">
        <v>22270</v>
      </c>
      <c r="CM33" s="2">
        <v>0</v>
      </c>
      <c r="CN33" s="2">
        <v>0</v>
      </c>
      <c r="CO33" s="2">
        <v>0</v>
      </c>
      <c r="CP33" s="2">
        <v>16654</v>
      </c>
      <c r="CQ33" s="2">
        <v>20440</v>
      </c>
      <c r="CR33" s="2">
        <v>903</v>
      </c>
      <c r="CS33" s="73">
        <v>809967</v>
      </c>
      <c r="CT33" s="2">
        <v>37728</v>
      </c>
      <c r="CU33" s="2">
        <v>473</v>
      </c>
      <c r="CV33" s="2">
        <v>45</v>
      </c>
      <c r="CW33" s="2">
        <v>382</v>
      </c>
      <c r="CX33" s="2">
        <v>43</v>
      </c>
      <c r="CY33" s="2">
        <v>0</v>
      </c>
      <c r="CZ33" s="2">
        <v>7185</v>
      </c>
      <c r="DA33" s="2">
        <v>1745</v>
      </c>
      <c r="DB33" s="2">
        <v>17325</v>
      </c>
      <c r="DC33" s="2">
        <v>1865</v>
      </c>
      <c r="DD33" s="2">
        <v>0</v>
      </c>
      <c r="DE33" s="2">
        <v>1374</v>
      </c>
      <c r="DF33" s="73">
        <v>68165</v>
      </c>
      <c r="DG33" s="2">
        <v>51665971</v>
      </c>
    </row>
    <row r="34" spans="1:111" ht="10" customHeight="1">
      <c r="A34" s="141" t="s">
        <v>113</v>
      </c>
      <c r="B34" s="165" t="s">
        <v>114</v>
      </c>
      <c r="C34" s="193"/>
      <c r="D34" s="90"/>
      <c r="E34" s="91"/>
      <c r="F34" s="1">
        <v>2036792</v>
      </c>
      <c r="G34" s="1">
        <v>2437360</v>
      </c>
      <c r="H34" s="1">
        <v>59442</v>
      </c>
      <c r="I34" s="1">
        <v>902837</v>
      </c>
      <c r="J34" s="1">
        <v>0</v>
      </c>
      <c r="K34" s="1">
        <v>0</v>
      </c>
      <c r="L34" s="1">
        <v>2948574</v>
      </c>
      <c r="M34" s="1">
        <v>242952</v>
      </c>
      <c r="N34" s="1">
        <v>0</v>
      </c>
      <c r="O34" s="1">
        <v>110820</v>
      </c>
      <c r="P34" s="1">
        <v>27662</v>
      </c>
      <c r="Q34" s="1">
        <v>0</v>
      </c>
      <c r="R34" s="1">
        <v>804442</v>
      </c>
      <c r="S34" s="1">
        <v>228994</v>
      </c>
      <c r="T34" s="1">
        <v>913657</v>
      </c>
      <c r="U34" s="1">
        <v>843793</v>
      </c>
      <c r="V34" s="1">
        <v>651243</v>
      </c>
      <c r="W34" s="1">
        <v>926290</v>
      </c>
      <c r="X34" s="1">
        <v>625198</v>
      </c>
      <c r="Y34" s="1">
        <v>188768</v>
      </c>
      <c r="Z34" s="1">
        <v>393130</v>
      </c>
      <c r="AA34" s="1">
        <v>638320</v>
      </c>
      <c r="AB34" s="1">
        <v>103357</v>
      </c>
      <c r="AC34" s="1">
        <v>338631</v>
      </c>
      <c r="AD34" s="1">
        <v>295157</v>
      </c>
      <c r="AE34" s="1">
        <v>703515</v>
      </c>
      <c r="AF34" s="1">
        <v>20825</v>
      </c>
      <c r="AG34" s="1">
        <v>3620</v>
      </c>
      <c r="AH34" s="1">
        <v>142133</v>
      </c>
      <c r="AI34" s="1">
        <v>456278</v>
      </c>
      <c r="AJ34" s="1">
        <v>339836</v>
      </c>
      <c r="AK34" s="1">
        <v>85000</v>
      </c>
      <c r="AL34" s="1">
        <v>183002</v>
      </c>
      <c r="AM34" s="1">
        <v>46340</v>
      </c>
      <c r="AN34" s="1">
        <v>67981</v>
      </c>
      <c r="AO34" s="1">
        <v>96638</v>
      </c>
      <c r="AP34" s="1">
        <v>0</v>
      </c>
      <c r="AQ34" s="1">
        <v>138705</v>
      </c>
      <c r="AR34" s="1">
        <v>42903</v>
      </c>
      <c r="AS34" s="1">
        <v>60000</v>
      </c>
      <c r="AT34" s="1">
        <v>0</v>
      </c>
      <c r="AU34" s="1">
        <v>9365</v>
      </c>
      <c r="AV34" s="1">
        <v>56473</v>
      </c>
      <c r="AW34" s="1">
        <v>85068</v>
      </c>
      <c r="AX34" s="1">
        <v>0</v>
      </c>
      <c r="AY34" s="1">
        <v>0</v>
      </c>
      <c r="AZ34" s="1">
        <v>0</v>
      </c>
      <c r="BA34" s="1">
        <v>46292</v>
      </c>
      <c r="BB34" s="1">
        <v>7242</v>
      </c>
      <c r="BC34" s="1">
        <v>0</v>
      </c>
      <c r="BD34" s="1">
        <v>0</v>
      </c>
      <c r="BE34" s="1">
        <v>11638</v>
      </c>
      <c r="BF34" s="1">
        <v>73395</v>
      </c>
      <c r="BG34" s="1">
        <v>0</v>
      </c>
      <c r="BH34" s="1">
        <v>18393668</v>
      </c>
      <c r="BI34" s="1">
        <v>0</v>
      </c>
      <c r="BJ34" s="1">
        <v>0</v>
      </c>
      <c r="BK34" s="1">
        <v>0</v>
      </c>
      <c r="BL34" s="1">
        <v>130021</v>
      </c>
      <c r="BM34" s="1">
        <v>25508</v>
      </c>
      <c r="BN34" s="1">
        <v>62434</v>
      </c>
      <c r="BO34" s="1">
        <v>0</v>
      </c>
      <c r="BP34" s="1">
        <v>28531</v>
      </c>
      <c r="BQ34" s="1">
        <v>0</v>
      </c>
      <c r="BR34" s="1">
        <v>8404</v>
      </c>
      <c r="BS34" s="1">
        <v>0</v>
      </c>
      <c r="BT34" s="1">
        <v>211438</v>
      </c>
      <c r="BU34" s="1">
        <v>466336</v>
      </c>
      <c r="BV34" s="1">
        <v>4000</v>
      </c>
      <c r="BW34" s="1">
        <v>0</v>
      </c>
      <c r="BX34" s="1">
        <v>0</v>
      </c>
      <c r="BY34" s="1">
        <v>2017</v>
      </c>
      <c r="BZ34" s="1">
        <v>0</v>
      </c>
      <c r="CA34" s="1">
        <v>236865</v>
      </c>
      <c r="CB34" s="1">
        <v>29385</v>
      </c>
      <c r="CC34" s="1">
        <v>15467</v>
      </c>
      <c r="CD34" s="1">
        <v>0</v>
      </c>
      <c r="CE34" s="1">
        <v>0</v>
      </c>
      <c r="CF34" s="1">
        <v>0</v>
      </c>
      <c r="CG34" s="1">
        <v>10993</v>
      </c>
      <c r="CH34" s="1">
        <v>0</v>
      </c>
      <c r="CI34" s="1">
        <v>0</v>
      </c>
      <c r="CJ34" s="1">
        <v>0</v>
      </c>
      <c r="CK34" s="1">
        <v>4873</v>
      </c>
      <c r="CL34" s="1">
        <v>0</v>
      </c>
      <c r="CM34" s="1">
        <v>0</v>
      </c>
      <c r="CN34" s="1">
        <v>0</v>
      </c>
      <c r="CO34" s="1">
        <v>0</v>
      </c>
      <c r="CP34" s="1">
        <v>14570</v>
      </c>
      <c r="CQ34" s="1">
        <v>3775</v>
      </c>
      <c r="CR34" s="1">
        <v>0</v>
      </c>
      <c r="CS34" s="3">
        <v>321945</v>
      </c>
      <c r="CT34" s="1">
        <v>0</v>
      </c>
      <c r="CU34" s="1">
        <v>0</v>
      </c>
      <c r="CV34" s="1">
        <v>45</v>
      </c>
      <c r="CW34" s="1">
        <v>0</v>
      </c>
      <c r="CX34" s="1">
        <v>0</v>
      </c>
      <c r="CY34" s="1">
        <v>0</v>
      </c>
      <c r="CZ34" s="1">
        <v>0</v>
      </c>
      <c r="DA34" s="1">
        <v>0</v>
      </c>
      <c r="DB34" s="1">
        <v>0</v>
      </c>
      <c r="DC34" s="1">
        <v>0</v>
      </c>
      <c r="DD34" s="1">
        <v>0</v>
      </c>
      <c r="DE34" s="1">
        <v>1168</v>
      </c>
      <c r="DF34" s="3">
        <v>1213</v>
      </c>
      <c r="DG34" s="1">
        <v>19183162</v>
      </c>
    </row>
    <row r="35" spans="1:111" ht="10" customHeight="1">
      <c r="A35" s="141"/>
      <c r="B35" s="98" t="s">
        <v>115</v>
      </c>
      <c r="C35" s="90"/>
      <c r="D35" s="90"/>
      <c r="E35" s="91"/>
      <c r="F35" s="1">
        <v>8812002</v>
      </c>
      <c r="G35" s="1">
        <v>0</v>
      </c>
      <c r="H35" s="1">
        <v>879788</v>
      </c>
      <c r="I35" s="1">
        <v>1269059</v>
      </c>
      <c r="J35" s="1">
        <v>549622</v>
      </c>
      <c r="K35" s="1">
        <v>230603</v>
      </c>
      <c r="L35" s="1">
        <v>244545</v>
      </c>
      <c r="M35" s="1">
        <v>374007</v>
      </c>
      <c r="N35" s="1">
        <v>426334</v>
      </c>
      <c r="O35" s="1">
        <v>220821</v>
      </c>
      <c r="P35" s="1">
        <v>252047</v>
      </c>
      <c r="Q35" s="1">
        <v>1478669</v>
      </c>
      <c r="R35" s="1">
        <v>0</v>
      </c>
      <c r="S35" s="1">
        <v>190446</v>
      </c>
      <c r="T35" s="1">
        <v>8639</v>
      </c>
      <c r="U35" s="1">
        <v>107014</v>
      </c>
      <c r="V35" s="1">
        <v>0</v>
      </c>
      <c r="W35" s="1">
        <v>349118</v>
      </c>
      <c r="X35" s="1">
        <v>611457</v>
      </c>
      <c r="Y35" s="1">
        <v>195433</v>
      </c>
      <c r="Z35" s="1">
        <v>0</v>
      </c>
      <c r="AA35" s="1">
        <v>0</v>
      </c>
      <c r="AB35" s="1">
        <v>168868</v>
      </c>
      <c r="AC35" s="1">
        <v>0</v>
      </c>
      <c r="AD35" s="1">
        <v>0</v>
      </c>
      <c r="AE35" s="1">
        <v>131088</v>
      </c>
      <c r="AF35" s="1">
        <v>166781</v>
      </c>
      <c r="AG35" s="1">
        <v>649458</v>
      </c>
      <c r="AH35" s="1">
        <v>122217</v>
      </c>
      <c r="AI35" s="1">
        <v>0</v>
      </c>
      <c r="AJ35" s="1">
        <v>0</v>
      </c>
      <c r="AK35" s="1">
        <v>761724</v>
      </c>
      <c r="AL35" s="1">
        <v>126277</v>
      </c>
      <c r="AM35" s="1">
        <v>0</v>
      </c>
      <c r="AN35" s="1">
        <v>38712</v>
      </c>
      <c r="AO35" s="1">
        <v>0</v>
      </c>
      <c r="AP35" s="1">
        <v>0</v>
      </c>
      <c r="AQ35" s="1">
        <v>123581</v>
      </c>
      <c r="AR35" s="1">
        <v>91738</v>
      </c>
      <c r="AS35" s="1">
        <v>1382</v>
      </c>
      <c r="AT35" s="1">
        <v>0</v>
      </c>
      <c r="AU35" s="1">
        <v>30610</v>
      </c>
      <c r="AV35" s="1">
        <v>109302</v>
      </c>
      <c r="AW35" s="1">
        <v>48844</v>
      </c>
      <c r="AX35" s="1">
        <v>0</v>
      </c>
      <c r="AY35" s="1">
        <v>6360</v>
      </c>
      <c r="AZ35" s="1">
        <v>28306</v>
      </c>
      <c r="BA35" s="1">
        <v>15103</v>
      </c>
      <c r="BB35" s="1">
        <v>87568</v>
      </c>
      <c r="BC35" s="1">
        <v>27773</v>
      </c>
      <c r="BD35" s="1">
        <v>122357</v>
      </c>
      <c r="BE35" s="1">
        <v>146723</v>
      </c>
      <c r="BF35" s="1">
        <v>473147</v>
      </c>
      <c r="BG35" s="1">
        <v>62653</v>
      </c>
      <c r="BH35" s="1">
        <v>19740176</v>
      </c>
      <c r="BI35" s="1">
        <v>7582</v>
      </c>
      <c r="BJ35" s="1">
        <v>0</v>
      </c>
      <c r="BK35" s="1">
        <v>0</v>
      </c>
      <c r="BL35" s="1">
        <v>0</v>
      </c>
      <c r="BM35" s="1">
        <v>0</v>
      </c>
      <c r="BN35" s="1">
        <v>990</v>
      </c>
      <c r="BO35" s="1">
        <v>0</v>
      </c>
      <c r="BP35" s="1">
        <v>0</v>
      </c>
      <c r="BQ35" s="1">
        <v>16439</v>
      </c>
      <c r="BR35" s="1">
        <v>2742</v>
      </c>
      <c r="BS35" s="1">
        <v>8062</v>
      </c>
      <c r="BT35" s="1">
        <v>56925</v>
      </c>
      <c r="BU35" s="1">
        <v>92740</v>
      </c>
      <c r="BV35" s="1">
        <v>5955</v>
      </c>
      <c r="BW35" s="1">
        <v>0</v>
      </c>
      <c r="BX35" s="1">
        <v>0</v>
      </c>
      <c r="BY35" s="1">
        <v>28628</v>
      </c>
      <c r="BZ35" s="1">
        <v>9363</v>
      </c>
      <c r="CA35" s="1">
        <v>0</v>
      </c>
      <c r="CB35" s="1">
        <v>122500</v>
      </c>
      <c r="CC35" s="1">
        <v>0</v>
      </c>
      <c r="CD35" s="1">
        <v>0</v>
      </c>
      <c r="CE35" s="1">
        <v>0</v>
      </c>
      <c r="CF35" s="1">
        <v>5481</v>
      </c>
      <c r="CG35" s="1">
        <v>3828</v>
      </c>
      <c r="CH35" s="1">
        <v>56</v>
      </c>
      <c r="CI35" s="1">
        <v>0</v>
      </c>
      <c r="CJ35" s="1">
        <v>0</v>
      </c>
      <c r="CK35" s="1">
        <v>0</v>
      </c>
      <c r="CL35" s="1">
        <v>0</v>
      </c>
      <c r="CM35" s="1">
        <v>0</v>
      </c>
      <c r="CN35" s="1">
        <v>0</v>
      </c>
      <c r="CO35" s="1">
        <v>0</v>
      </c>
      <c r="CP35" s="1">
        <v>1284</v>
      </c>
      <c r="CQ35" s="1">
        <v>2786</v>
      </c>
      <c r="CR35" s="1">
        <v>26</v>
      </c>
      <c r="CS35" s="3">
        <v>179907</v>
      </c>
      <c r="CT35" s="1">
        <v>0</v>
      </c>
      <c r="CU35" s="1">
        <v>473</v>
      </c>
      <c r="CV35" s="1">
        <v>0</v>
      </c>
      <c r="CW35" s="1">
        <v>0</v>
      </c>
      <c r="CX35" s="1">
        <v>0</v>
      </c>
      <c r="CY35" s="1">
        <v>0</v>
      </c>
      <c r="CZ35" s="1">
        <v>6490</v>
      </c>
      <c r="DA35" s="1">
        <v>0</v>
      </c>
      <c r="DB35" s="1">
        <v>11934</v>
      </c>
      <c r="DC35" s="1">
        <v>0</v>
      </c>
      <c r="DD35" s="1">
        <v>0</v>
      </c>
      <c r="DE35" s="1">
        <v>0</v>
      </c>
      <c r="DF35" s="3">
        <v>18897</v>
      </c>
      <c r="DG35" s="1">
        <v>20031720</v>
      </c>
    </row>
    <row r="36" spans="1:111" ht="10" customHeight="1">
      <c r="A36" s="141"/>
      <c r="B36" s="98" t="s">
        <v>116</v>
      </c>
      <c r="C36" s="90"/>
      <c r="D36" s="90"/>
      <c r="E36" s="91"/>
      <c r="F36" s="1">
        <v>0</v>
      </c>
      <c r="G36" s="1">
        <v>0</v>
      </c>
      <c r="H36" s="1">
        <v>0</v>
      </c>
      <c r="I36" s="1">
        <v>0</v>
      </c>
      <c r="J36" s="1">
        <v>41329</v>
      </c>
      <c r="K36" s="1">
        <v>0</v>
      </c>
      <c r="L36" s="1">
        <v>0</v>
      </c>
      <c r="M36" s="1">
        <v>0</v>
      </c>
      <c r="N36" s="1">
        <v>0</v>
      </c>
      <c r="O36" s="1">
        <v>0</v>
      </c>
      <c r="P36" s="1">
        <v>0</v>
      </c>
      <c r="Q36" s="1">
        <v>0</v>
      </c>
      <c r="R36" s="1">
        <v>0</v>
      </c>
      <c r="S36" s="1">
        <v>0</v>
      </c>
      <c r="T36" s="1">
        <v>0</v>
      </c>
      <c r="U36" s="1">
        <v>0</v>
      </c>
      <c r="V36" s="1">
        <v>0</v>
      </c>
      <c r="W36" s="1">
        <v>0</v>
      </c>
      <c r="X36" s="1">
        <v>0</v>
      </c>
      <c r="Y36" s="1">
        <v>0</v>
      </c>
      <c r="Z36" s="1">
        <v>0</v>
      </c>
      <c r="AA36" s="1">
        <v>0</v>
      </c>
      <c r="AB36" s="1">
        <v>0</v>
      </c>
      <c r="AC36" s="1">
        <v>0</v>
      </c>
      <c r="AD36" s="1">
        <v>0</v>
      </c>
      <c r="AE36" s="1">
        <v>0</v>
      </c>
      <c r="AF36" s="1">
        <v>0</v>
      </c>
      <c r="AG36" s="1">
        <v>0</v>
      </c>
      <c r="AH36" s="1">
        <v>0</v>
      </c>
      <c r="AI36" s="1">
        <v>0</v>
      </c>
      <c r="AJ36" s="1">
        <v>0</v>
      </c>
      <c r="AK36" s="1">
        <v>0</v>
      </c>
      <c r="AL36" s="1">
        <v>0</v>
      </c>
      <c r="AM36" s="1">
        <v>0</v>
      </c>
      <c r="AN36" s="1">
        <v>0</v>
      </c>
      <c r="AO36" s="1">
        <v>0</v>
      </c>
      <c r="AP36" s="1">
        <v>0</v>
      </c>
      <c r="AQ36" s="1">
        <v>0</v>
      </c>
      <c r="AR36" s="1">
        <v>0</v>
      </c>
      <c r="AS36" s="1">
        <v>0</v>
      </c>
      <c r="AT36" s="1">
        <v>0</v>
      </c>
      <c r="AU36" s="1">
        <v>0</v>
      </c>
      <c r="AV36" s="1">
        <v>0</v>
      </c>
      <c r="AW36" s="1">
        <v>0</v>
      </c>
      <c r="AX36" s="1">
        <v>0</v>
      </c>
      <c r="AY36" s="1">
        <v>14095</v>
      </c>
      <c r="AZ36" s="1">
        <v>0</v>
      </c>
      <c r="BA36" s="1">
        <v>0</v>
      </c>
      <c r="BB36" s="1">
        <v>0</v>
      </c>
      <c r="BC36" s="1">
        <v>0</v>
      </c>
      <c r="BD36" s="1">
        <v>0</v>
      </c>
      <c r="BE36" s="1">
        <v>0</v>
      </c>
      <c r="BF36" s="1">
        <v>0</v>
      </c>
      <c r="BG36" s="1">
        <v>0</v>
      </c>
      <c r="BH36" s="1">
        <v>55424</v>
      </c>
      <c r="BI36" s="1">
        <v>0</v>
      </c>
      <c r="BJ36" s="1">
        <v>0</v>
      </c>
      <c r="BK36" s="1">
        <v>0</v>
      </c>
      <c r="BL36" s="1">
        <v>0</v>
      </c>
      <c r="BM36" s="1">
        <v>0</v>
      </c>
      <c r="BN36" s="1">
        <v>0</v>
      </c>
      <c r="BO36" s="1">
        <v>0</v>
      </c>
      <c r="BP36" s="1">
        <v>0</v>
      </c>
      <c r="BQ36" s="1">
        <v>0</v>
      </c>
      <c r="BR36" s="1">
        <v>0</v>
      </c>
      <c r="BS36" s="1">
        <v>0</v>
      </c>
      <c r="BT36" s="1">
        <v>0</v>
      </c>
      <c r="BU36" s="1">
        <v>0</v>
      </c>
      <c r="BV36" s="1">
        <v>0</v>
      </c>
      <c r="BW36" s="1">
        <v>0</v>
      </c>
      <c r="BX36" s="1">
        <v>0</v>
      </c>
      <c r="BY36" s="1">
        <v>0</v>
      </c>
      <c r="BZ36" s="1">
        <v>0</v>
      </c>
      <c r="CA36" s="1">
        <v>0</v>
      </c>
      <c r="CB36" s="1">
        <v>0</v>
      </c>
      <c r="CC36" s="1">
        <v>0</v>
      </c>
      <c r="CD36" s="1">
        <v>0</v>
      </c>
      <c r="CE36" s="1">
        <v>0</v>
      </c>
      <c r="CF36" s="1">
        <v>0</v>
      </c>
      <c r="CG36" s="1">
        <v>0</v>
      </c>
      <c r="CH36" s="1">
        <v>0</v>
      </c>
      <c r="CI36" s="1">
        <v>0</v>
      </c>
      <c r="CJ36" s="1">
        <v>0</v>
      </c>
      <c r="CK36" s="1">
        <v>0</v>
      </c>
      <c r="CL36" s="1">
        <v>0</v>
      </c>
      <c r="CM36" s="1">
        <v>0</v>
      </c>
      <c r="CN36" s="1">
        <v>0</v>
      </c>
      <c r="CO36" s="1">
        <v>0</v>
      </c>
      <c r="CP36" s="1">
        <v>0</v>
      </c>
      <c r="CQ36" s="1">
        <v>0</v>
      </c>
      <c r="CR36" s="1">
        <v>0</v>
      </c>
      <c r="CS36" s="3">
        <v>0</v>
      </c>
      <c r="CT36" s="1">
        <v>0</v>
      </c>
      <c r="CU36" s="1">
        <v>0</v>
      </c>
      <c r="CV36" s="1">
        <v>0</v>
      </c>
      <c r="CW36" s="1">
        <v>0</v>
      </c>
      <c r="CX36" s="1">
        <v>0</v>
      </c>
      <c r="CY36" s="1">
        <v>0</v>
      </c>
      <c r="CZ36" s="1">
        <v>0</v>
      </c>
      <c r="DA36" s="1">
        <v>0</v>
      </c>
      <c r="DB36" s="1">
        <v>0</v>
      </c>
      <c r="DC36" s="1">
        <v>0</v>
      </c>
      <c r="DD36" s="1">
        <v>0</v>
      </c>
      <c r="DE36" s="1">
        <v>0</v>
      </c>
      <c r="DF36" s="3">
        <v>0</v>
      </c>
      <c r="DG36" s="1">
        <v>55424</v>
      </c>
    </row>
    <row r="37" spans="1:111" ht="10" customHeight="1">
      <c r="A37" s="141"/>
      <c r="B37" s="98" t="s">
        <v>117</v>
      </c>
      <c r="C37" s="90"/>
      <c r="D37" s="90"/>
      <c r="E37" s="91"/>
      <c r="F37" s="1">
        <v>0</v>
      </c>
      <c r="G37" s="1">
        <v>0</v>
      </c>
      <c r="H37" s="1">
        <v>0</v>
      </c>
      <c r="I37" s="1">
        <v>0</v>
      </c>
      <c r="J37" s="1">
        <v>0</v>
      </c>
      <c r="K37" s="1">
        <v>0</v>
      </c>
      <c r="L37" s="1">
        <v>0</v>
      </c>
      <c r="M37" s="1">
        <v>0</v>
      </c>
      <c r="N37" s="1">
        <v>0</v>
      </c>
      <c r="O37" s="1">
        <v>0</v>
      </c>
      <c r="P37" s="1">
        <v>0</v>
      </c>
      <c r="Q37" s="1">
        <v>0</v>
      </c>
      <c r="R37" s="1">
        <v>0</v>
      </c>
      <c r="S37" s="1">
        <v>0</v>
      </c>
      <c r="T37" s="1">
        <v>0</v>
      </c>
      <c r="U37" s="1">
        <v>0</v>
      </c>
      <c r="V37" s="1">
        <v>0</v>
      </c>
      <c r="W37" s="1">
        <v>0</v>
      </c>
      <c r="X37" s="1">
        <v>0</v>
      </c>
      <c r="Y37" s="1">
        <v>0</v>
      </c>
      <c r="Z37" s="1">
        <v>0</v>
      </c>
      <c r="AA37" s="1">
        <v>0</v>
      </c>
      <c r="AB37" s="1">
        <v>0</v>
      </c>
      <c r="AC37" s="1">
        <v>0</v>
      </c>
      <c r="AD37" s="1">
        <v>0</v>
      </c>
      <c r="AE37" s="1">
        <v>0</v>
      </c>
      <c r="AF37" s="1">
        <v>0</v>
      </c>
      <c r="AG37" s="1">
        <v>0</v>
      </c>
      <c r="AH37" s="1">
        <v>0</v>
      </c>
      <c r="AI37" s="1">
        <v>0</v>
      </c>
      <c r="AJ37" s="1">
        <v>0</v>
      </c>
      <c r="AK37" s="1">
        <v>0</v>
      </c>
      <c r="AL37" s="1">
        <v>0</v>
      </c>
      <c r="AM37" s="1">
        <v>0</v>
      </c>
      <c r="AN37" s="1">
        <v>0</v>
      </c>
      <c r="AO37" s="1">
        <v>0</v>
      </c>
      <c r="AP37" s="1">
        <v>0</v>
      </c>
      <c r="AQ37" s="1">
        <v>0</v>
      </c>
      <c r="AR37" s="1">
        <v>0</v>
      </c>
      <c r="AS37" s="1">
        <v>0</v>
      </c>
      <c r="AT37" s="1">
        <v>0</v>
      </c>
      <c r="AU37" s="1">
        <v>0</v>
      </c>
      <c r="AV37" s="1">
        <v>0</v>
      </c>
      <c r="AW37" s="1">
        <v>0</v>
      </c>
      <c r="AX37" s="1">
        <v>0</v>
      </c>
      <c r="AY37" s="1">
        <v>0</v>
      </c>
      <c r="AZ37" s="1">
        <v>0</v>
      </c>
      <c r="BA37" s="1">
        <v>0</v>
      </c>
      <c r="BB37" s="1">
        <v>0</v>
      </c>
      <c r="BC37" s="1">
        <v>0</v>
      </c>
      <c r="BD37" s="1">
        <v>0</v>
      </c>
      <c r="BE37" s="1">
        <v>0</v>
      </c>
      <c r="BF37" s="1">
        <v>0</v>
      </c>
      <c r="BG37" s="1">
        <v>0</v>
      </c>
      <c r="BH37" s="1">
        <v>0</v>
      </c>
      <c r="BI37" s="1">
        <v>0</v>
      </c>
      <c r="BJ37" s="1">
        <v>0</v>
      </c>
      <c r="BK37" s="1">
        <v>0</v>
      </c>
      <c r="BL37" s="1">
        <v>0</v>
      </c>
      <c r="BM37" s="1">
        <v>0</v>
      </c>
      <c r="BN37" s="1">
        <v>0</v>
      </c>
      <c r="BO37" s="1">
        <v>0</v>
      </c>
      <c r="BP37" s="1">
        <v>0</v>
      </c>
      <c r="BQ37" s="1">
        <v>0</v>
      </c>
      <c r="BR37" s="1">
        <v>0</v>
      </c>
      <c r="BS37" s="1">
        <v>0</v>
      </c>
      <c r="BT37" s="1">
        <v>0</v>
      </c>
      <c r="BU37" s="1">
        <v>0</v>
      </c>
      <c r="BV37" s="1">
        <v>0</v>
      </c>
      <c r="BW37" s="1">
        <v>0</v>
      </c>
      <c r="BX37" s="1">
        <v>0</v>
      </c>
      <c r="BY37" s="1">
        <v>0</v>
      </c>
      <c r="BZ37" s="1">
        <v>0</v>
      </c>
      <c r="CA37" s="1">
        <v>0</v>
      </c>
      <c r="CB37" s="1">
        <v>0</v>
      </c>
      <c r="CC37" s="1">
        <v>0</v>
      </c>
      <c r="CD37" s="1">
        <v>0</v>
      </c>
      <c r="CE37" s="1">
        <v>0</v>
      </c>
      <c r="CF37" s="1">
        <v>0</v>
      </c>
      <c r="CG37" s="1">
        <v>0</v>
      </c>
      <c r="CH37" s="1">
        <v>0</v>
      </c>
      <c r="CI37" s="1">
        <v>0</v>
      </c>
      <c r="CJ37" s="1">
        <v>0</v>
      </c>
      <c r="CK37" s="1">
        <v>0</v>
      </c>
      <c r="CL37" s="1">
        <v>0</v>
      </c>
      <c r="CM37" s="1">
        <v>0</v>
      </c>
      <c r="CN37" s="1">
        <v>0</v>
      </c>
      <c r="CO37" s="1">
        <v>0</v>
      </c>
      <c r="CP37" s="1">
        <v>0</v>
      </c>
      <c r="CQ37" s="1">
        <v>0</v>
      </c>
      <c r="CR37" s="1">
        <v>0</v>
      </c>
      <c r="CS37" s="3">
        <v>0</v>
      </c>
      <c r="CT37" s="1">
        <v>0</v>
      </c>
      <c r="CU37" s="1">
        <v>0</v>
      </c>
      <c r="CV37" s="1">
        <v>0</v>
      </c>
      <c r="CW37" s="1">
        <v>0</v>
      </c>
      <c r="CX37" s="1">
        <v>0</v>
      </c>
      <c r="CY37" s="1">
        <v>0</v>
      </c>
      <c r="CZ37" s="1">
        <v>0</v>
      </c>
      <c r="DA37" s="1">
        <v>0</v>
      </c>
      <c r="DB37" s="1">
        <v>5391</v>
      </c>
      <c r="DC37" s="1">
        <v>0</v>
      </c>
      <c r="DD37" s="1">
        <v>0</v>
      </c>
      <c r="DE37" s="1">
        <v>0</v>
      </c>
      <c r="DF37" s="3">
        <v>5391</v>
      </c>
      <c r="DG37" s="1">
        <v>5391</v>
      </c>
    </row>
    <row r="38" spans="1:111" ht="10" customHeight="1">
      <c r="A38" s="141"/>
      <c r="B38" s="98" t="s">
        <v>118</v>
      </c>
      <c r="C38" s="90"/>
      <c r="D38" s="90"/>
      <c r="E38" s="91"/>
      <c r="F38" s="1">
        <v>0</v>
      </c>
      <c r="G38" s="1">
        <v>0</v>
      </c>
      <c r="H38" s="1">
        <v>150000</v>
      </c>
      <c r="I38" s="1">
        <v>1560000</v>
      </c>
      <c r="J38" s="1">
        <v>0</v>
      </c>
      <c r="K38" s="1">
        <v>84707</v>
      </c>
      <c r="L38" s="1">
        <v>5381</v>
      </c>
      <c r="M38" s="1">
        <v>154278</v>
      </c>
      <c r="N38" s="1">
        <v>0</v>
      </c>
      <c r="O38" s="1">
        <v>0</v>
      </c>
      <c r="P38" s="1">
        <v>21469</v>
      </c>
      <c r="Q38" s="1">
        <v>796751</v>
      </c>
      <c r="R38" s="1">
        <v>378949</v>
      </c>
      <c r="S38" s="1">
        <v>0</v>
      </c>
      <c r="T38" s="1">
        <v>70000</v>
      </c>
      <c r="U38" s="1">
        <v>0</v>
      </c>
      <c r="V38" s="1">
        <v>0</v>
      </c>
      <c r="W38" s="1">
        <v>0</v>
      </c>
      <c r="X38" s="1">
        <v>625019</v>
      </c>
      <c r="Y38" s="1">
        <v>0</v>
      </c>
      <c r="Z38" s="1">
        <v>0</v>
      </c>
      <c r="AA38" s="1">
        <v>162900</v>
      </c>
      <c r="AB38" s="1">
        <v>59002</v>
      </c>
      <c r="AC38" s="1">
        <v>0</v>
      </c>
      <c r="AD38" s="1">
        <v>0</v>
      </c>
      <c r="AE38" s="1">
        <v>325347</v>
      </c>
      <c r="AF38" s="1">
        <v>19394</v>
      </c>
      <c r="AG38" s="1">
        <v>201036</v>
      </c>
      <c r="AH38" s="1">
        <v>68209</v>
      </c>
      <c r="AI38" s="1">
        <v>307577</v>
      </c>
      <c r="AJ38" s="1">
        <v>200000</v>
      </c>
      <c r="AK38" s="1">
        <v>0</v>
      </c>
      <c r="AL38" s="1">
        <v>0</v>
      </c>
      <c r="AM38" s="1">
        <v>0</v>
      </c>
      <c r="AN38" s="1">
        <v>63154</v>
      </c>
      <c r="AO38" s="1">
        <v>137851</v>
      </c>
      <c r="AP38" s="1">
        <v>126667</v>
      </c>
      <c r="AQ38" s="1">
        <v>25660</v>
      </c>
      <c r="AR38" s="1">
        <v>57669</v>
      </c>
      <c r="AS38" s="1">
        <v>0</v>
      </c>
      <c r="AT38" s="1">
        <v>0</v>
      </c>
      <c r="AU38" s="1">
        <v>40000</v>
      </c>
      <c r="AV38" s="1">
        <v>29409</v>
      </c>
      <c r="AW38" s="1">
        <v>0</v>
      </c>
      <c r="AX38" s="1">
        <v>0</v>
      </c>
      <c r="AY38" s="1">
        <v>0</v>
      </c>
      <c r="AZ38" s="1">
        <v>1155</v>
      </c>
      <c r="BA38" s="1">
        <v>0</v>
      </c>
      <c r="BB38" s="1">
        <v>18705</v>
      </c>
      <c r="BC38" s="1">
        <v>91866</v>
      </c>
      <c r="BD38" s="1">
        <v>0</v>
      </c>
      <c r="BE38" s="1">
        <v>35075</v>
      </c>
      <c r="BF38" s="1">
        <v>359408</v>
      </c>
      <c r="BG38" s="1">
        <v>47015</v>
      </c>
      <c r="BH38" s="1">
        <v>6223653</v>
      </c>
      <c r="BI38" s="1">
        <v>0</v>
      </c>
      <c r="BJ38" s="1">
        <v>0</v>
      </c>
      <c r="BK38" s="1">
        <v>0</v>
      </c>
      <c r="BL38" s="1">
        <v>0</v>
      </c>
      <c r="BM38" s="1">
        <v>0</v>
      </c>
      <c r="BN38" s="1">
        <v>0</v>
      </c>
      <c r="BO38" s="1">
        <v>0</v>
      </c>
      <c r="BP38" s="1">
        <v>0</v>
      </c>
      <c r="BQ38" s="1">
        <v>18360</v>
      </c>
      <c r="BR38" s="1">
        <v>0</v>
      </c>
      <c r="BS38" s="1">
        <v>0</v>
      </c>
      <c r="BT38" s="1">
        <v>0</v>
      </c>
      <c r="BU38" s="1">
        <v>18360</v>
      </c>
      <c r="BV38" s="1">
        <v>100000</v>
      </c>
      <c r="BW38" s="1">
        <v>0</v>
      </c>
      <c r="BX38" s="1">
        <v>0</v>
      </c>
      <c r="BY38" s="1">
        <v>0</v>
      </c>
      <c r="BZ38" s="1">
        <v>0</v>
      </c>
      <c r="CA38" s="1">
        <v>0</v>
      </c>
      <c r="CB38" s="1">
        <v>22556</v>
      </c>
      <c r="CC38" s="1">
        <v>0</v>
      </c>
      <c r="CD38" s="1">
        <v>0</v>
      </c>
      <c r="CE38" s="1">
        <v>6846</v>
      </c>
      <c r="CF38" s="1">
        <v>0</v>
      </c>
      <c r="CG38" s="1">
        <v>707</v>
      </c>
      <c r="CH38" s="1">
        <v>0</v>
      </c>
      <c r="CI38" s="1">
        <v>0</v>
      </c>
      <c r="CJ38" s="1">
        <v>0</v>
      </c>
      <c r="CK38" s="1">
        <v>15243</v>
      </c>
      <c r="CL38" s="1">
        <v>0</v>
      </c>
      <c r="CM38" s="1">
        <v>0</v>
      </c>
      <c r="CN38" s="1">
        <v>0</v>
      </c>
      <c r="CO38" s="1">
        <v>0</v>
      </c>
      <c r="CP38" s="1">
        <v>0</v>
      </c>
      <c r="CQ38" s="1">
        <v>13879</v>
      </c>
      <c r="CR38" s="1">
        <v>0</v>
      </c>
      <c r="CS38" s="3">
        <v>159231</v>
      </c>
      <c r="CT38" s="1">
        <v>0</v>
      </c>
      <c r="CU38" s="1">
        <v>0</v>
      </c>
      <c r="CV38" s="1">
        <v>0</v>
      </c>
      <c r="CW38" s="1">
        <v>347</v>
      </c>
      <c r="CX38" s="1">
        <v>0</v>
      </c>
      <c r="CY38" s="1">
        <v>0</v>
      </c>
      <c r="CZ38" s="1">
        <v>0</v>
      </c>
      <c r="DA38" s="1">
        <v>0</v>
      </c>
      <c r="DB38" s="1">
        <v>0</v>
      </c>
      <c r="DC38" s="1">
        <v>0</v>
      </c>
      <c r="DD38" s="1">
        <v>0</v>
      </c>
      <c r="DE38" s="1">
        <v>0</v>
      </c>
      <c r="DF38" s="3">
        <v>347</v>
      </c>
      <c r="DG38" s="1">
        <v>6401591</v>
      </c>
    </row>
    <row r="39" spans="1:111" ht="10" customHeight="1">
      <c r="A39" s="141"/>
      <c r="B39" s="98" t="s">
        <v>119</v>
      </c>
      <c r="C39" s="90"/>
      <c r="D39" s="90"/>
      <c r="E39" s="91"/>
      <c r="F39" s="1">
        <v>40700</v>
      </c>
      <c r="G39" s="1">
        <v>0</v>
      </c>
      <c r="H39" s="1">
        <v>0</v>
      </c>
      <c r="I39" s="1">
        <v>0</v>
      </c>
      <c r="J39" s="1">
        <v>0</v>
      </c>
      <c r="K39" s="1">
        <v>0</v>
      </c>
      <c r="L39" s="1">
        <v>0</v>
      </c>
      <c r="M39" s="1">
        <v>0</v>
      </c>
      <c r="N39" s="1">
        <v>0</v>
      </c>
      <c r="O39" s="1">
        <v>244900</v>
      </c>
      <c r="P39" s="1">
        <v>0</v>
      </c>
      <c r="Q39" s="1">
        <v>0</v>
      </c>
      <c r="R39" s="1">
        <v>0</v>
      </c>
      <c r="S39" s="1">
        <v>0</v>
      </c>
      <c r="T39" s="1">
        <v>53500</v>
      </c>
      <c r="U39" s="1">
        <v>2834</v>
      </c>
      <c r="V39" s="1">
        <v>48883</v>
      </c>
      <c r="W39" s="1">
        <v>52480</v>
      </c>
      <c r="X39" s="1">
        <v>0</v>
      </c>
      <c r="Y39" s="1">
        <v>0</v>
      </c>
      <c r="Z39" s="1">
        <v>0</v>
      </c>
      <c r="AA39" s="1">
        <v>0</v>
      </c>
      <c r="AB39" s="1">
        <v>0</v>
      </c>
      <c r="AC39" s="1">
        <v>0</v>
      </c>
      <c r="AD39" s="1">
        <v>0</v>
      </c>
      <c r="AE39" s="1">
        <v>0</v>
      </c>
      <c r="AF39" s="1">
        <v>0</v>
      </c>
      <c r="AG39" s="1">
        <v>0</v>
      </c>
      <c r="AH39" s="1">
        <v>0</v>
      </c>
      <c r="AI39" s="1">
        <v>0</v>
      </c>
      <c r="AJ39" s="1">
        <v>0</v>
      </c>
      <c r="AK39" s="1">
        <v>398540</v>
      </c>
      <c r="AL39" s="1">
        <v>0</v>
      </c>
      <c r="AM39" s="1">
        <v>0</v>
      </c>
      <c r="AN39" s="1">
        <v>0</v>
      </c>
      <c r="AO39" s="1">
        <v>0</v>
      </c>
      <c r="AP39" s="1">
        <v>0</v>
      </c>
      <c r="AQ39" s="1">
        <v>0</v>
      </c>
      <c r="AR39" s="1">
        <v>0</v>
      </c>
      <c r="AS39" s="1">
        <v>0</v>
      </c>
      <c r="AT39" s="1">
        <v>0</v>
      </c>
      <c r="AU39" s="1">
        <v>0</v>
      </c>
      <c r="AV39" s="1">
        <v>0</v>
      </c>
      <c r="AW39" s="1">
        <v>0</v>
      </c>
      <c r="AX39" s="1">
        <v>0</v>
      </c>
      <c r="AY39" s="1">
        <v>0</v>
      </c>
      <c r="AZ39" s="1">
        <v>0</v>
      </c>
      <c r="BA39" s="1">
        <v>0</v>
      </c>
      <c r="BB39" s="1">
        <v>8910</v>
      </c>
      <c r="BC39" s="1">
        <v>0</v>
      </c>
      <c r="BD39" s="1">
        <v>48807</v>
      </c>
      <c r="BE39" s="1">
        <v>36000</v>
      </c>
      <c r="BF39" s="1">
        <v>0</v>
      </c>
      <c r="BG39" s="1">
        <v>0</v>
      </c>
      <c r="BH39" s="1">
        <v>935554</v>
      </c>
      <c r="BI39" s="1">
        <v>0</v>
      </c>
      <c r="BJ39" s="1">
        <v>0</v>
      </c>
      <c r="BK39" s="1">
        <v>0</v>
      </c>
      <c r="BL39" s="1">
        <v>0</v>
      </c>
      <c r="BM39" s="1">
        <v>0</v>
      </c>
      <c r="BN39" s="1">
        <v>0</v>
      </c>
      <c r="BO39" s="1">
        <v>0</v>
      </c>
      <c r="BP39" s="1">
        <v>0</v>
      </c>
      <c r="BQ39" s="1">
        <v>0</v>
      </c>
      <c r="BR39" s="1">
        <v>0</v>
      </c>
      <c r="BS39" s="1">
        <v>0</v>
      </c>
      <c r="BT39" s="1">
        <v>0</v>
      </c>
      <c r="BU39" s="1">
        <v>0</v>
      </c>
      <c r="BV39" s="1">
        <v>0</v>
      </c>
      <c r="BW39" s="1">
        <v>0</v>
      </c>
      <c r="BX39" s="1">
        <v>0</v>
      </c>
      <c r="BY39" s="1">
        <v>0</v>
      </c>
      <c r="BZ39" s="1">
        <v>0</v>
      </c>
      <c r="CA39" s="1">
        <v>0</v>
      </c>
      <c r="CB39" s="1">
        <v>0</v>
      </c>
      <c r="CC39" s="1">
        <v>0</v>
      </c>
      <c r="CD39" s="1">
        <v>0</v>
      </c>
      <c r="CE39" s="1">
        <v>0</v>
      </c>
      <c r="CF39" s="1">
        <v>0</v>
      </c>
      <c r="CG39" s="1">
        <v>0</v>
      </c>
      <c r="CH39" s="1">
        <v>0</v>
      </c>
      <c r="CI39" s="1">
        <v>0</v>
      </c>
      <c r="CJ39" s="1">
        <v>0</v>
      </c>
      <c r="CK39" s="1">
        <v>0</v>
      </c>
      <c r="CL39" s="1">
        <v>0</v>
      </c>
      <c r="CM39" s="1">
        <v>0</v>
      </c>
      <c r="CN39" s="1">
        <v>0</v>
      </c>
      <c r="CO39" s="1">
        <v>0</v>
      </c>
      <c r="CP39" s="1">
        <v>0</v>
      </c>
      <c r="CQ39" s="1">
        <v>0</v>
      </c>
      <c r="CR39" s="1">
        <v>0</v>
      </c>
      <c r="CS39" s="3">
        <v>0</v>
      </c>
      <c r="CT39" s="1">
        <v>0</v>
      </c>
      <c r="CU39" s="1">
        <v>0</v>
      </c>
      <c r="CV39" s="1">
        <v>0</v>
      </c>
      <c r="CW39" s="1">
        <v>0</v>
      </c>
      <c r="CX39" s="1">
        <v>0</v>
      </c>
      <c r="CY39" s="1">
        <v>0</v>
      </c>
      <c r="CZ39" s="1">
        <v>0</v>
      </c>
      <c r="DA39" s="1">
        <v>0</v>
      </c>
      <c r="DB39" s="1">
        <v>0</v>
      </c>
      <c r="DC39" s="1">
        <v>0</v>
      </c>
      <c r="DD39" s="1">
        <v>0</v>
      </c>
      <c r="DE39" s="1">
        <v>0</v>
      </c>
      <c r="DF39" s="3">
        <v>0</v>
      </c>
      <c r="DG39" s="1">
        <v>935554</v>
      </c>
    </row>
    <row r="40" spans="1:111" ht="10" customHeight="1">
      <c r="A40" s="142"/>
      <c r="B40" s="98" t="s">
        <v>20</v>
      </c>
      <c r="C40" s="90"/>
      <c r="D40" s="90"/>
      <c r="E40" s="91"/>
      <c r="F40" s="1">
        <v>894385</v>
      </c>
      <c r="G40" s="1">
        <v>169709</v>
      </c>
      <c r="H40" s="1">
        <v>94142</v>
      </c>
      <c r="I40" s="1">
        <v>279115</v>
      </c>
      <c r="J40" s="1">
        <v>50916</v>
      </c>
      <c r="K40" s="1">
        <v>3979</v>
      </c>
      <c r="L40" s="1">
        <v>292617</v>
      </c>
      <c r="M40" s="1">
        <v>33891</v>
      </c>
      <c r="N40" s="1">
        <v>37740</v>
      </c>
      <c r="O40" s="1">
        <v>56010</v>
      </c>
      <c r="P40" s="1">
        <v>50824</v>
      </c>
      <c r="Q40" s="1">
        <v>150383</v>
      </c>
      <c r="R40" s="1">
        <v>32569</v>
      </c>
      <c r="S40" s="1">
        <v>7807</v>
      </c>
      <c r="T40" s="1">
        <v>51736</v>
      </c>
      <c r="U40" s="1">
        <v>87421</v>
      </c>
      <c r="V40" s="1">
        <v>114324</v>
      </c>
      <c r="W40" s="1">
        <v>53590</v>
      </c>
      <c r="X40" s="1">
        <v>89334</v>
      </c>
      <c r="Y40" s="1">
        <v>33127</v>
      </c>
      <c r="Z40" s="1">
        <v>594485</v>
      </c>
      <c r="AA40" s="1">
        <v>37094</v>
      </c>
      <c r="AB40" s="1">
        <v>52485</v>
      </c>
      <c r="AC40" s="1">
        <v>26918</v>
      </c>
      <c r="AD40" s="1">
        <v>3676</v>
      </c>
      <c r="AE40" s="1">
        <v>68859</v>
      </c>
      <c r="AF40" s="1">
        <v>9693</v>
      </c>
      <c r="AG40" s="1">
        <v>112611</v>
      </c>
      <c r="AH40" s="1">
        <v>17660</v>
      </c>
      <c r="AI40" s="1">
        <v>69435</v>
      </c>
      <c r="AJ40" s="1">
        <v>48917</v>
      </c>
      <c r="AK40" s="1">
        <v>97468</v>
      </c>
      <c r="AL40" s="1">
        <v>12548</v>
      </c>
      <c r="AM40" s="1">
        <v>10447</v>
      </c>
      <c r="AN40" s="1">
        <v>5613</v>
      </c>
      <c r="AO40" s="1">
        <v>34113</v>
      </c>
      <c r="AP40" s="1">
        <v>40973</v>
      </c>
      <c r="AQ40" s="1">
        <v>23741</v>
      </c>
      <c r="AR40" s="1">
        <v>2268</v>
      </c>
      <c r="AS40" s="1">
        <v>6851</v>
      </c>
      <c r="AT40" s="1">
        <v>0</v>
      </c>
      <c r="AU40" s="1">
        <v>2340</v>
      </c>
      <c r="AV40" s="1">
        <v>11956</v>
      </c>
      <c r="AW40" s="1">
        <v>7362</v>
      </c>
      <c r="AX40" s="1">
        <v>70798</v>
      </c>
      <c r="AY40" s="1">
        <v>6244</v>
      </c>
      <c r="AZ40" s="1">
        <v>1140</v>
      </c>
      <c r="BA40" s="1">
        <v>14330</v>
      </c>
      <c r="BB40" s="1">
        <v>10200</v>
      </c>
      <c r="BC40" s="1">
        <v>0</v>
      </c>
      <c r="BD40" s="1">
        <v>0</v>
      </c>
      <c r="BE40" s="1">
        <v>5071</v>
      </c>
      <c r="BF40" s="1">
        <v>221450</v>
      </c>
      <c r="BG40" s="1">
        <v>19185</v>
      </c>
      <c r="BH40" s="1">
        <v>4229550</v>
      </c>
      <c r="BI40" s="1">
        <v>0</v>
      </c>
      <c r="BJ40" s="1">
        <v>0</v>
      </c>
      <c r="BK40" s="1">
        <v>9926</v>
      </c>
      <c r="BL40" s="1">
        <v>14952</v>
      </c>
      <c r="BM40" s="1">
        <v>0</v>
      </c>
      <c r="BN40" s="1">
        <v>2935</v>
      </c>
      <c r="BO40" s="1">
        <v>29666</v>
      </c>
      <c r="BP40" s="1">
        <v>5731</v>
      </c>
      <c r="BQ40" s="1">
        <v>0</v>
      </c>
      <c r="BR40" s="1">
        <v>2601</v>
      </c>
      <c r="BS40" s="1">
        <v>0</v>
      </c>
      <c r="BT40" s="1">
        <v>10667</v>
      </c>
      <c r="BU40" s="1">
        <v>76478</v>
      </c>
      <c r="BV40" s="1">
        <v>3829</v>
      </c>
      <c r="BW40" s="1">
        <v>59957</v>
      </c>
      <c r="BX40" s="1">
        <v>5138</v>
      </c>
      <c r="BY40" s="1">
        <v>0</v>
      </c>
      <c r="BZ40" s="1">
        <v>35632</v>
      </c>
      <c r="CA40" s="1">
        <v>4120</v>
      </c>
      <c r="CB40" s="1">
        <v>5181</v>
      </c>
      <c r="CC40" s="1">
        <v>0</v>
      </c>
      <c r="CD40" s="1">
        <v>0</v>
      </c>
      <c r="CE40" s="1">
        <v>0</v>
      </c>
      <c r="CF40" s="1">
        <v>0</v>
      </c>
      <c r="CG40" s="1">
        <v>17</v>
      </c>
      <c r="CH40" s="1">
        <v>3543</v>
      </c>
      <c r="CI40" s="1">
        <v>0</v>
      </c>
      <c r="CJ40" s="1">
        <v>0</v>
      </c>
      <c r="CK40" s="1">
        <v>6900</v>
      </c>
      <c r="CL40" s="1">
        <v>22270</v>
      </c>
      <c r="CM40" s="1">
        <v>0</v>
      </c>
      <c r="CN40" s="1">
        <v>0</v>
      </c>
      <c r="CO40" s="1">
        <v>0</v>
      </c>
      <c r="CP40" s="1">
        <v>800</v>
      </c>
      <c r="CQ40" s="1">
        <v>0</v>
      </c>
      <c r="CR40" s="1">
        <v>877</v>
      </c>
      <c r="CS40" s="3">
        <v>148264</v>
      </c>
      <c r="CT40" s="1">
        <v>37728</v>
      </c>
      <c r="CU40" s="1">
        <v>0</v>
      </c>
      <c r="CV40" s="1">
        <v>0</v>
      </c>
      <c r="CW40" s="1">
        <v>35</v>
      </c>
      <c r="CX40" s="1">
        <v>43</v>
      </c>
      <c r="CY40" s="1">
        <v>0</v>
      </c>
      <c r="CZ40" s="1">
        <v>695</v>
      </c>
      <c r="DA40" s="1">
        <v>1745</v>
      </c>
      <c r="DB40" s="1">
        <v>0</v>
      </c>
      <c r="DC40" s="1">
        <v>1865</v>
      </c>
      <c r="DD40" s="1">
        <v>0</v>
      </c>
      <c r="DE40" s="1">
        <v>206</v>
      </c>
      <c r="DF40" s="3">
        <v>42317</v>
      </c>
      <c r="DG40" s="1">
        <v>4496609</v>
      </c>
    </row>
    <row r="41" spans="1:111" ht="10" customHeight="1">
      <c r="A41" s="197"/>
      <c r="B41" s="98" t="s">
        <v>120</v>
      </c>
      <c r="C41" s="90"/>
      <c r="D41" s="90"/>
      <c r="E41" s="91"/>
      <c r="F41" s="1">
        <v>11783879</v>
      </c>
      <c r="G41" s="1">
        <v>2607069</v>
      </c>
      <c r="H41" s="1">
        <v>1183372</v>
      </c>
      <c r="I41" s="1">
        <v>4011011</v>
      </c>
      <c r="J41" s="1">
        <v>641867</v>
      </c>
      <c r="K41" s="1">
        <v>319289</v>
      </c>
      <c r="L41" s="1">
        <v>3491117</v>
      </c>
      <c r="M41" s="1">
        <v>805128</v>
      </c>
      <c r="N41" s="1">
        <v>464074</v>
      </c>
      <c r="O41" s="1">
        <v>632551</v>
      </c>
      <c r="P41" s="1">
        <v>352002</v>
      </c>
      <c r="Q41" s="1">
        <v>2425803</v>
      </c>
      <c r="R41" s="1">
        <v>1215960</v>
      </c>
      <c r="S41" s="1">
        <v>427247</v>
      </c>
      <c r="T41" s="1">
        <v>1097532</v>
      </c>
      <c r="U41" s="1">
        <v>1041062</v>
      </c>
      <c r="V41" s="1">
        <v>814450</v>
      </c>
      <c r="W41" s="1">
        <v>1381478</v>
      </c>
      <c r="X41" s="1">
        <v>1951008</v>
      </c>
      <c r="Y41" s="1">
        <v>417328</v>
      </c>
      <c r="Z41" s="1">
        <v>987615</v>
      </c>
      <c r="AA41" s="1">
        <v>838314</v>
      </c>
      <c r="AB41" s="1">
        <v>383712</v>
      </c>
      <c r="AC41" s="1">
        <v>365549</v>
      </c>
      <c r="AD41" s="1">
        <v>298833</v>
      </c>
      <c r="AE41" s="1">
        <v>1228809</v>
      </c>
      <c r="AF41" s="1">
        <v>216693</v>
      </c>
      <c r="AG41" s="1">
        <v>966725</v>
      </c>
      <c r="AH41" s="1">
        <v>350219</v>
      </c>
      <c r="AI41" s="1">
        <v>833290</v>
      </c>
      <c r="AJ41" s="1">
        <v>588753</v>
      </c>
      <c r="AK41" s="1">
        <v>1342732</v>
      </c>
      <c r="AL41" s="1">
        <v>321827</v>
      </c>
      <c r="AM41" s="1">
        <v>56787</v>
      </c>
      <c r="AN41" s="1">
        <v>175460</v>
      </c>
      <c r="AO41" s="1">
        <v>268602</v>
      </c>
      <c r="AP41" s="1">
        <v>167640</v>
      </c>
      <c r="AQ41" s="1">
        <v>311687</v>
      </c>
      <c r="AR41" s="1">
        <v>194578</v>
      </c>
      <c r="AS41" s="1">
        <v>68233</v>
      </c>
      <c r="AT41" s="1">
        <v>0</v>
      </c>
      <c r="AU41" s="1">
        <v>82315</v>
      </c>
      <c r="AV41" s="1">
        <v>207140</v>
      </c>
      <c r="AW41" s="1">
        <v>141274</v>
      </c>
      <c r="AX41" s="1">
        <v>70798</v>
      </c>
      <c r="AY41" s="1">
        <v>26699</v>
      </c>
      <c r="AZ41" s="1">
        <v>30601</v>
      </c>
      <c r="BA41" s="1">
        <v>75725</v>
      </c>
      <c r="BB41" s="1">
        <v>132625</v>
      </c>
      <c r="BC41" s="1">
        <v>119639</v>
      </c>
      <c r="BD41" s="1">
        <v>171164</v>
      </c>
      <c r="BE41" s="1">
        <v>234507</v>
      </c>
      <c r="BF41" s="1">
        <v>1127400</v>
      </c>
      <c r="BG41" s="1">
        <v>128853</v>
      </c>
      <c r="BH41" s="1">
        <v>49578025</v>
      </c>
      <c r="BI41" s="1">
        <v>7582</v>
      </c>
      <c r="BJ41" s="1">
        <v>0</v>
      </c>
      <c r="BK41" s="1">
        <v>9926</v>
      </c>
      <c r="BL41" s="1">
        <v>144973</v>
      </c>
      <c r="BM41" s="1">
        <v>25508</v>
      </c>
      <c r="BN41" s="1">
        <v>66359</v>
      </c>
      <c r="BO41" s="1">
        <v>29666</v>
      </c>
      <c r="BP41" s="1">
        <v>34262</v>
      </c>
      <c r="BQ41" s="1">
        <v>34799</v>
      </c>
      <c r="BR41" s="1">
        <v>13747</v>
      </c>
      <c r="BS41" s="1">
        <v>8062</v>
      </c>
      <c r="BT41" s="1">
        <v>279030</v>
      </c>
      <c r="BU41" s="1">
        <v>653914</v>
      </c>
      <c r="BV41" s="1">
        <v>113784</v>
      </c>
      <c r="BW41" s="1">
        <v>59957</v>
      </c>
      <c r="BX41" s="1">
        <v>5138</v>
      </c>
      <c r="BY41" s="1">
        <v>30645</v>
      </c>
      <c r="BZ41" s="1">
        <v>44995</v>
      </c>
      <c r="CA41" s="1">
        <v>240985</v>
      </c>
      <c r="CB41" s="1">
        <v>179622</v>
      </c>
      <c r="CC41" s="1">
        <v>15467</v>
      </c>
      <c r="CD41" s="1">
        <v>0</v>
      </c>
      <c r="CE41" s="1">
        <v>6846</v>
      </c>
      <c r="CF41" s="1">
        <v>5481</v>
      </c>
      <c r="CG41" s="1">
        <v>15545</v>
      </c>
      <c r="CH41" s="1">
        <v>3599</v>
      </c>
      <c r="CI41" s="1">
        <v>0</v>
      </c>
      <c r="CJ41" s="1">
        <v>0</v>
      </c>
      <c r="CK41" s="1">
        <v>27016</v>
      </c>
      <c r="CL41" s="1">
        <v>22270</v>
      </c>
      <c r="CM41" s="1">
        <v>0</v>
      </c>
      <c r="CN41" s="1">
        <v>0</v>
      </c>
      <c r="CO41" s="1">
        <v>0</v>
      </c>
      <c r="CP41" s="1">
        <v>16654</v>
      </c>
      <c r="CQ41" s="1">
        <v>20440</v>
      </c>
      <c r="CR41" s="1">
        <v>903</v>
      </c>
      <c r="CS41" s="3">
        <v>809347</v>
      </c>
      <c r="CT41" s="1">
        <v>37728</v>
      </c>
      <c r="CU41" s="1">
        <v>473</v>
      </c>
      <c r="CV41" s="1">
        <v>45</v>
      </c>
      <c r="CW41" s="1">
        <v>382</v>
      </c>
      <c r="CX41" s="1">
        <v>43</v>
      </c>
      <c r="CY41" s="1">
        <v>0</v>
      </c>
      <c r="CZ41" s="1">
        <v>7185</v>
      </c>
      <c r="DA41" s="1">
        <v>1745</v>
      </c>
      <c r="DB41" s="1">
        <v>17325</v>
      </c>
      <c r="DC41" s="1">
        <v>1865</v>
      </c>
      <c r="DD41" s="1">
        <v>0</v>
      </c>
      <c r="DE41" s="1">
        <v>1374</v>
      </c>
      <c r="DF41" s="3">
        <v>68165</v>
      </c>
      <c r="DG41" s="1">
        <v>51109451</v>
      </c>
    </row>
    <row r="42" spans="1:111" ht="10" customHeight="1">
      <c r="A42" s="89" t="s">
        <v>308</v>
      </c>
      <c r="B42" s="90"/>
      <c r="C42" s="90"/>
      <c r="D42" s="90"/>
      <c r="E42" s="91"/>
      <c r="F42" s="2">
        <v>0</v>
      </c>
      <c r="G42" s="2">
        <v>0</v>
      </c>
      <c r="H42" s="2">
        <v>0</v>
      </c>
      <c r="I42" s="2">
        <v>0</v>
      </c>
      <c r="J42" s="2">
        <v>0</v>
      </c>
      <c r="K42" s="2">
        <v>0</v>
      </c>
      <c r="L42" s="2">
        <v>0</v>
      </c>
      <c r="M42" s="2">
        <v>0</v>
      </c>
      <c r="N42" s="2">
        <v>0</v>
      </c>
      <c r="O42" s="2">
        <v>119200</v>
      </c>
      <c r="P42" s="2">
        <v>0</v>
      </c>
      <c r="Q42" s="2">
        <v>0</v>
      </c>
      <c r="R42" s="2">
        <v>0</v>
      </c>
      <c r="S42" s="2">
        <v>0</v>
      </c>
      <c r="T42" s="2">
        <v>0</v>
      </c>
      <c r="U42" s="2">
        <v>0</v>
      </c>
      <c r="V42" s="2">
        <v>0</v>
      </c>
      <c r="W42" s="2">
        <v>436700</v>
      </c>
      <c r="X42" s="2">
        <v>0</v>
      </c>
      <c r="Y42" s="2">
        <v>0</v>
      </c>
      <c r="Z42" s="2">
        <v>0</v>
      </c>
      <c r="AA42" s="2">
        <v>0</v>
      </c>
      <c r="AB42" s="2">
        <v>0</v>
      </c>
      <c r="AC42" s="2">
        <v>0</v>
      </c>
      <c r="AD42" s="2">
        <v>0</v>
      </c>
      <c r="AE42" s="2">
        <v>0</v>
      </c>
      <c r="AF42" s="2">
        <v>0</v>
      </c>
      <c r="AG42" s="2">
        <v>0</v>
      </c>
      <c r="AH42" s="2">
        <v>0</v>
      </c>
      <c r="AI42" s="2">
        <v>0</v>
      </c>
      <c r="AJ42" s="2">
        <v>0</v>
      </c>
      <c r="AK42" s="2">
        <v>0</v>
      </c>
      <c r="AL42" s="2">
        <v>0</v>
      </c>
      <c r="AM42" s="2">
        <v>0</v>
      </c>
      <c r="AN42" s="2">
        <v>0</v>
      </c>
      <c r="AO42" s="2">
        <v>0</v>
      </c>
      <c r="AP42" s="2">
        <v>0</v>
      </c>
      <c r="AQ42" s="2">
        <v>0</v>
      </c>
      <c r="AR42" s="2">
        <v>0</v>
      </c>
      <c r="AS42" s="2">
        <v>0</v>
      </c>
      <c r="AT42" s="2">
        <v>0</v>
      </c>
      <c r="AU42" s="2">
        <v>0</v>
      </c>
      <c r="AV42" s="2">
        <v>0</v>
      </c>
      <c r="AW42" s="2">
        <v>0</v>
      </c>
      <c r="AX42" s="2">
        <v>0</v>
      </c>
      <c r="AY42" s="2">
        <v>0</v>
      </c>
      <c r="AZ42" s="2">
        <v>0</v>
      </c>
      <c r="BA42" s="2">
        <v>0</v>
      </c>
      <c r="BB42" s="2">
        <v>0</v>
      </c>
      <c r="BC42" s="2">
        <v>0</v>
      </c>
      <c r="BD42" s="2">
        <v>0</v>
      </c>
      <c r="BE42" s="2">
        <v>0</v>
      </c>
      <c r="BF42" s="2">
        <v>0</v>
      </c>
      <c r="BG42" s="2">
        <v>0</v>
      </c>
      <c r="BH42" s="2">
        <v>555900</v>
      </c>
      <c r="BI42" s="2">
        <v>0</v>
      </c>
      <c r="BJ42" s="2">
        <v>0</v>
      </c>
      <c r="BK42" s="2">
        <v>0</v>
      </c>
      <c r="BL42" s="2">
        <v>0</v>
      </c>
      <c r="BM42" s="2">
        <v>0</v>
      </c>
      <c r="BN42" s="2">
        <v>0</v>
      </c>
      <c r="BO42" s="2">
        <v>0</v>
      </c>
      <c r="BP42" s="2">
        <v>0</v>
      </c>
      <c r="BQ42" s="2">
        <v>0</v>
      </c>
      <c r="BR42" s="2">
        <v>0</v>
      </c>
      <c r="BS42" s="2">
        <v>0</v>
      </c>
      <c r="BT42" s="2">
        <v>0</v>
      </c>
      <c r="BU42" s="2">
        <v>0</v>
      </c>
      <c r="BV42" s="2">
        <v>0</v>
      </c>
      <c r="BW42" s="2">
        <v>0</v>
      </c>
      <c r="BX42" s="2">
        <v>0</v>
      </c>
      <c r="BY42" s="2">
        <v>0</v>
      </c>
      <c r="BZ42" s="2">
        <v>0</v>
      </c>
      <c r="CA42" s="2">
        <v>0</v>
      </c>
      <c r="CB42" s="2">
        <v>0</v>
      </c>
      <c r="CC42" s="2">
        <v>0</v>
      </c>
      <c r="CD42" s="2">
        <v>0</v>
      </c>
      <c r="CE42" s="2">
        <v>0</v>
      </c>
      <c r="CF42" s="2">
        <v>0</v>
      </c>
      <c r="CG42" s="2">
        <v>0</v>
      </c>
      <c r="CH42" s="2">
        <v>0</v>
      </c>
      <c r="CI42" s="2">
        <v>0</v>
      </c>
      <c r="CJ42" s="2">
        <v>620</v>
      </c>
      <c r="CK42" s="2">
        <v>0</v>
      </c>
      <c r="CL42" s="2">
        <v>0</v>
      </c>
      <c r="CM42" s="2">
        <v>0</v>
      </c>
      <c r="CN42" s="2">
        <v>0</v>
      </c>
      <c r="CO42" s="2">
        <v>0</v>
      </c>
      <c r="CP42" s="2">
        <v>0</v>
      </c>
      <c r="CQ42" s="2">
        <v>0</v>
      </c>
      <c r="CR42" s="2">
        <v>0</v>
      </c>
      <c r="CS42" s="73">
        <v>620</v>
      </c>
      <c r="CT42" s="2">
        <v>0</v>
      </c>
      <c r="CU42" s="2">
        <v>0</v>
      </c>
      <c r="CV42" s="2">
        <v>0</v>
      </c>
      <c r="CW42" s="2">
        <v>0</v>
      </c>
      <c r="CX42" s="2">
        <v>0</v>
      </c>
      <c r="CY42" s="2">
        <v>0</v>
      </c>
      <c r="CZ42" s="2">
        <v>0</v>
      </c>
      <c r="DA42" s="2">
        <v>0</v>
      </c>
      <c r="DB42" s="2">
        <v>0</v>
      </c>
      <c r="DC42" s="2">
        <v>0</v>
      </c>
      <c r="DD42" s="2">
        <v>0</v>
      </c>
      <c r="DE42" s="2">
        <v>0</v>
      </c>
      <c r="DF42" s="73">
        <v>0</v>
      </c>
      <c r="DG42" s="2">
        <v>556520</v>
      </c>
    </row>
    <row r="43" spans="1:111" ht="10" customHeight="1">
      <c r="A43" s="198" t="s">
        <v>121</v>
      </c>
      <c r="B43" s="175"/>
      <c r="C43" s="175"/>
      <c r="D43" s="175"/>
      <c r="E43" s="176"/>
      <c r="F43" s="1">
        <v>0</v>
      </c>
      <c r="G43" s="1">
        <v>0</v>
      </c>
      <c r="H43" s="1">
        <v>0</v>
      </c>
      <c r="I43" s="1">
        <v>0</v>
      </c>
      <c r="J43" s="1">
        <v>0</v>
      </c>
      <c r="K43" s="1">
        <v>0</v>
      </c>
      <c r="L43" s="1">
        <v>0</v>
      </c>
      <c r="M43" s="1">
        <v>0</v>
      </c>
      <c r="N43" s="1">
        <v>0</v>
      </c>
      <c r="O43" s="1">
        <v>119200</v>
      </c>
      <c r="P43" s="1">
        <v>0</v>
      </c>
      <c r="Q43" s="1">
        <v>0</v>
      </c>
      <c r="R43" s="1">
        <v>0</v>
      </c>
      <c r="S43" s="1">
        <v>0</v>
      </c>
      <c r="T43" s="1">
        <v>0</v>
      </c>
      <c r="U43" s="1">
        <v>0</v>
      </c>
      <c r="V43" s="1">
        <v>0</v>
      </c>
      <c r="W43" s="1">
        <v>436700</v>
      </c>
      <c r="X43" s="1">
        <v>0</v>
      </c>
      <c r="Y43" s="1">
        <v>0</v>
      </c>
      <c r="Z43" s="1">
        <v>0</v>
      </c>
      <c r="AA43" s="1">
        <v>0</v>
      </c>
      <c r="AB43" s="1">
        <v>0</v>
      </c>
      <c r="AC43" s="1">
        <v>0</v>
      </c>
      <c r="AD43" s="1">
        <v>0</v>
      </c>
      <c r="AE43" s="1">
        <v>0</v>
      </c>
      <c r="AF43" s="1">
        <v>0</v>
      </c>
      <c r="AG43" s="1">
        <v>0</v>
      </c>
      <c r="AH43" s="1">
        <v>0</v>
      </c>
      <c r="AI43" s="1">
        <v>0</v>
      </c>
      <c r="AJ43" s="1">
        <v>0</v>
      </c>
      <c r="AK43" s="1">
        <v>0</v>
      </c>
      <c r="AL43" s="1">
        <v>0</v>
      </c>
      <c r="AM43" s="1">
        <v>0</v>
      </c>
      <c r="AN43" s="1">
        <v>0</v>
      </c>
      <c r="AO43" s="1">
        <v>0</v>
      </c>
      <c r="AP43" s="1">
        <v>0</v>
      </c>
      <c r="AQ43" s="1">
        <v>0</v>
      </c>
      <c r="AR43" s="1">
        <v>0</v>
      </c>
      <c r="AS43" s="1">
        <v>0</v>
      </c>
      <c r="AT43" s="1">
        <v>0</v>
      </c>
      <c r="AU43" s="1">
        <v>0</v>
      </c>
      <c r="AV43" s="1">
        <v>0</v>
      </c>
      <c r="AW43" s="1">
        <v>0</v>
      </c>
      <c r="AX43" s="1">
        <v>0</v>
      </c>
      <c r="AY43" s="1">
        <v>0</v>
      </c>
      <c r="AZ43" s="1">
        <v>0</v>
      </c>
      <c r="BA43" s="1">
        <v>0</v>
      </c>
      <c r="BB43" s="1">
        <v>0</v>
      </c>
      <c r="BC43" s="1">
        <v>0</v>
      </c>
      <c r="BD43" s="1">
        <v>0</v>
      </c>
      <c r="BE43" s="1">
        <v>0</v>
      </c>
      <c r="BF43" s="1">
        <v>0</v>
      </c>
      <c r="BG43" s="1">
        <v>0</v>
      </c>
      <c r="BH43" s="1">
        <v>555900</v>
      </c>
      <c r="BI43" s="1">
        <v>0</v>
      </c>
      <c r="BJ43" s="1">
        <v>0</v>
      </c>
      <c r="BK43" s="1">
        <v>0</v>
      </c>
      <c r="BL43" s="1">
        <v>0</v>
      </c>
      <c r="BM43" s="1">
        <v>0</v>
      </c>
      <c r="BN43" s="1">
        <v>0</v>
      </c>
      <c r="BO43" s="1">
        <v>0</v>
      </c>
      <c r="BP43" s="1">
        <v>0</v>
      </c>
      <c r="BQ43" s="1">
        <v>0</v>
      </c>
      <c r="BR43" s="1">
        <v>0</v>
      </c>
      <c r="BS43" s="1">
        <v>0</v>
      </c>
      <c r="BT43" s="1">
        <v>0</v>
      </c>
      <c r="BU43" s="1">
        <v>0</v>
      </c>
      <c r="BV43" s="1">
        <v>0</v>
      </c>
      <c r="BW43" s="1">
        <v>0</v>
      </c>
      <c r="BX43" s="1">
        <v>0</v>
      </c>
      <c r="BY43" s="1">
        <v>0</v>
      </c>
      <c r="BZ43" s="1">
        <v>0</v>
      </c>
      <c r="CA43" s="1">
        <v>0</v>
      </c>
      <c r="CB43" s="1">
        <v>0</v>
      </c>
      <c r="CC43" s="1">
        <v>0</v>
      </c>
      <c r="CD43" s="1">
        <v>0</v>
      </c>
      <c r="CE43" s="1">
        <v>0</v>
      </c>
      <c r="CF43" s="1">
        <v>0</v>
      </c>
      <c r="CG43" s="1">
        <v>0</v>
      </c>
      <c r="CH43" s="1">
        <v>0</v>
      </c>
      <c r="CI43" s="1">
        <v>0</v>
      </c>
      <c r="CJ43" s="1">
        <v>0</v>
      </c>
      <c r="CK43" s="1">
        <v>0</v>
      </c>
      <c r="CL43" s="1">
        <v>0</v>
      </c>
      <c r="CM43" s="1">
        <v>0</v>
      </c>
      <c r="CN43" s="1">
        <v>0</v>
      </c>
      <c r="CO43" s="1">
        <v>0</v>
      </c>
      <c r="CP43" s="1">
        <v>0</v>
      </c>
      <c r="CQ43" s="1">
        <v>0</v>
      </c>
      <c r="CR43" s="1">
        <v>0</v>
      </c>
      <c r="CS43" s="3">
        <v>0</v>
      </c>
      <c r="CT43" s="1">
        <v>0</v>
      </c>
      <c r="CU43" s="1">
        <v>0</v>
      </c>
      <c r="CV43" s="1">
        <v>0</v>
      </c>
      <c r="CW43" s="1">
        <v>0</v>
      </c>
      <c r="CX43" s="1">
        <v>0</v>
      </c>
      <c r="CY43" s="1">
        <v>0</v>
      </c>
      <c r="CZ43" s="1">
        <v>0</v>
      </c>
      <c r="DA43" s="1">
        <v>0</v>
      </c>
      <c r="DB43" s="1">
        <v>0</v>
      </c>
      <c r="DC43" s="1">
        <v>0</v>
      </c>
      <c r="DD43" s="1">
        <v>0</v>
      </c>
      <c r="DE43" s="1">
        <v>0</v>
      </c>
      <c r="DF43" s="3">
        <v>0</v>
      </c>
      <c r="DG43" s="1">
        <v>555900</v>
      </c>
    </row>
    <row r="44" spans="1:111" ht="10" customHeight="1">
      <c r="A44" s="89" t="s">
        <v>122</v>
      </c>
      <c r="B44" s="98"/>
      <c r="C44" s="90"/>
      <c r="D44" s="90"/>
      <c r="E44" s="91"/>
      <c r="F44" s="1">
        <v>0</v>
      </c>
      <c r="G44" s="1">
        <v>0</v>
      </c>
      <c r="H44" s="1">
        <v>0</v>
      </c>
      <c r="I44" s="1">
        <v>0</v>
      </c>
      <c r="J44" s="1">
        <v>0</v>
      </c>
      <c r="K44" s="1">
        <v>0</v>
      </c>
      <c r="L44" s="1">
        <v>0</v>
      </c>
      <c r="M44" s="1">
        <v>0</v>
      </c>
      <c r="N44" s="1">
        <v>0</v>
      </c>
      <c r="O44" s="1">
        <v>0</v>
      </c>
      <c r="P44" s="1">
        <v>0</v>
      </c>
      <c r="Q44" s="1">
        <v>0</v>
      </c>
      <c r="R44" s="1">
        <v>0</v>
      </c>
      <c r="S44" s="1">
        <v>0</v>
      </c>
      <c r="T44" s="1">
        <v>0</v>
      </c>
      <c r="U44" s="1">
        <v>0</v>
      </c>
      <c r="V44" s="1">
        <v>0</v>
      </c>
      <c r="W44" s="1">
        <v>0</v>
      </c>
      <c r="X44" s="1">
        <v>0</v>
      </c>
      <c r="Y44" s="1">
        <v>0</v>
      </c>
      <c r="Z44" s="1">
        <v>0</v>
      </c>
      <c r="AA44" s="1">
        <v>0</v>
      </c>
      <c r="AB44" s="1">
        <v>0</v>
      </c>
      <c r="AC44" s="1">
        <v>0</v>
      </c>
      <c r="AD44" s="1">
        <v>0</v>
      </c>
      <c r="AE44" s="1">
        <v>0</v>
      </c>
      <c r="AF44" s="1">
        <v>0</v>
      </c>
      <c r="AG44" s="1">
        <v>0</v>
      </c>
      <c r="AH44" s="1">
        <v>0</v>
      </c>
      <c r="AI44" s="1">
        <v>0</v>
      </c>
      <c r="AJ44" s="1">
        <v>0</v>
      </c>
      <c r="AK44" s="1">
        <v>0</v>
      </c>
      <c r="AL44" s="1">
        <v>0</v>
      </c>
      <c r="AM44" s="1">
        <v>0</v>
      </c>
      <c r="AN44" s="1">
        <v>0</v>
      </c>
      <c r="AO44" s="1">
        <v>0</v>
      </c>
      <c r="AP44" s="1">
        <v>0</v>
      </c>
      <c r="AQ44" s="1">
        <v>0</v>
      </c>
      <c r="AR44" s="1">
        <v>0</v>
      </c>
      <c r="AS44" s="1">
        <v>0</v>
      </c>
      <c r="AT44" s="1">
        <v>0</v>
      </c>
      <c r="AU44" s="1">
        <v>0</v>
      </c>
      <c r="AV44" s="1">
        <v>0</v>
      </c>
      <c r="AW44" s="1">
        <v>0</v>
      </c>
      <c r="AX44" s="1">
        <v>0</v>
      </c>
      <c r="AY44" s="1">
        <v>0</v>
      </c>
      <c r="AZ44" s="1">
        <v>0</v>
      </c>
      <c r="BA44" s="1">
        <v>0</v>
      </c>
      <c r="BB44" s="1">
        <v>0</v>
      </c>
      <c r="BC44" s="1">
        <v>0</v>
      </c>
      <c r="BD44" s="1">
        <v>0</v>
      </c>
      <c r="BE44" s="1">
        <v>0</v>
      </c>
      <c r="BF44" s="1">
        <v>0</v>
      </c>
      <c r="BG44" s="1">
        <v>0</v>
      </c>
      <c r="BH44" s="1">
        <v>0</v>
      </c>
      <c r="BI44" s="1">
        <v>0</v>
      </c>
      <c r="BJ44" s="1">
        <v>0</v>
      </c>
      <c r="BK44" s="1">
        <v>0</v>
      </c>
      <c r="BL44" s="1">
        <v>0</v>
      </c>
      <c r="BM44" s="1">
        <v>0</v>
      </c>
      <c r="BN44" s="1">
        <v>0</v>
      </c>
      <c r="BO44" s="1">
        <v>0</v>
      </c>
      <c r="BP44" s="1">
        <v>0</v>
      </c>
      <c r="BQ44" s="1">
        <v>0</v>
      </c>
      <c r="BR44" s="1">
        <v>0</v>
      </c>
      <c r="BS44" s="1">
        <v>0</v>
      </c>
      <c r="BT44" s="1">
        <v>0</v>
      </c>
      <c r="BU44" s="1">
        <v>0</v>
      </c>
      <c r="BV44" s="1">
        <v>0</v>
      </c>
      <c r="BW44" s="1">
        <v>0</v>
      </c>
      <c r="BX44" s="1">
        <v>0</v>
      </c>
      <c r="BY44" s="1">
        <v>0</v>
      </c>
      <c r="BZ44" s="1">
        <v>0</v>
      </c>
      <c r="CA44" s="1">
        <v>0</v>
      </c>
      <c r="CB44" s="1">
        <v>0</v>
      </c>
      <c r="CC44" s="1">
        <v>0</v>
      </c>
      <c r="CD44" s="1">
        <v>0</v>
      </c>
      <c r="CE44" s="1">
        <v>0</v>
      </c>
      <c r="CF44" s="1">
        <v>0</v>
      </c>
      <c r="CG44" s="1">
        <v>0</v>
      </c>
      <c r="CH44" s="1">
        <v>0</v>
      </c>
      <c r="CI44" s="1">
        <v>0</v>
      </c>
      <c r="CJ44" s="1">
        <v>0</v>
      </c>
      <c r="CK44" s="1">
        <v>0</v>
      </c>
      <c r="CL44" s="1">
        <v>0</v>
      </c>
      <c r="CM44" s="1">
        <v>0</v>
      </c>
      <c r="CN44" s="1">
        <v>0</v>
      </c>
      <c r="CO44" s="1">
        <v>0</v>
      </c>
      <c r="CP44" s="1">
        <v>0</v>
      </c>
      <c r="CQ44" s="1">
        <v>0</v>
      </c>
      <c r="CR44" s="1">
        <v>0</v>
      </c>
      <c r="CS44" s="3">
        <v>0</v>
      </c>
      <c r="CT44" s="1">
        <v>0</v>
      </c>
      <c r="CU44" s="1">
        <v>0</v>
      </c>
      <c r="CV44" s="1">
        <v>0</v>
      </c>
      <c r="CW44" s="1">
        <v>0</v>
      </c>
      <c r="CX44" s="1">
        <v>0</v>
      </c>
      <c r="CY44" s="1">
        <v>0</v>
      </c>
      <c r="CZ44" s="1">
        <v>0</v>
      </c>
      <c r="DA44" s="1">
        <v>0</v>
      </c>
      <c r="DB44" s="1">
        <v>0</v>
      </c>
      <c r="DC44" s="1">
        <v>0</v>
      </c>
      <c r="DD44" s="1">
        <v>0</v>
      </c>
      <c r="DE44" s="1">
        <v>0</v>
      </c>
      <c r="DF44" s="3">
        <v>0</v>
      </c>
      <c r="DG44" s="1">
        <v>0</v>
      </c>
    </row>
    <row r="45" spans="1:111" ht="10" customHeight="1">
      <c r="A45" s="186" t="s">
        <v>123</v>
      </c>
      <c r="B45" s="187"/>
      <c r="C45" s="172" t="s">
        <v>19</v>
      </c>
      <c r="D45" s="193" t="s">
        <v>217</v>
      </c>
      <c r="E45" s="194"/>
      <c r="F45" s="1">
        <v>5429400</v>
      </c>
      <c r="G45" s="1">
        <v>438400</v>
      </c>
      <c r="H45" s="1">
        <v>174700</v>
      </c>
      <c r="I45" s="1">
        <v>2800000</v>
      </c>
      <c r="J45" s="1">
        <v>0</v>
      </c>
      <c r="K45" s="1">
        <v>0</v>
      </c>
      <c r="L45" s="1">
        <v>267000</v>
      </c>
      <c r="M45" s="1">
        <v>219900</v>
      </c>
      <c r="N45" s="1">
        <v>0</v>
      </c>
      <c r="O45" s="1">
        <v>0</v>
      </c>
      <c r="P45" s="1">
        <v>346200</v>
      </c>
      <c r="Q45" s="1">
        <v>78700</v>
      </c>
      <c r="R45" s="1">
        <v>0</v>
      </c>
      <c r="S45" s="1">
        <v>0</v>
      </c>
      <c r="T45" s="1">
        <v>160400</v>
      </c>
      <c r="U45" s="1">
        <v>258800</v>
      </c>
      <c r="V45" s="1">
        <v>175700</v>
      </c>
      <c r="W45" s="1">
        <v>156300</v>
      </c>
      <c r="X45" s="1">
        <v>0</v>
      </c>
      <c r="Y45" s="1">
        <v>61100</v>
      </c>
      <c r="Z45" s="1">
        <v>95700</v>
      </c>
      <c r="AA45" s="1">
        <v>0</v>
      </c>
      <c r="AB45" s="1">
        <v>99700</v>
      </c>
      <c r="AC45" s="1">
        <v>12500</v>
      </c>
      <c r="AD45" s="1">
        <v>0</v>
      </c>
      <c r="AE45" s="1">
        <v>0</v>
      </c>
      <c r="AF45" s="1">
        <v>0</v>
      </c>
      <c r="AG45" s="1">
        <v>0</v>
      </c>
      <c r="AH45" s="1">
        <v>0</v>
      </c>
      <c r="AI45" s="1">
        <v>0</v>
      </c>
      <c r="AJ45" s="1">
        <v>0</v>
      </c>
      <c r="AK45" s="1">
        <v>0</v>
      </c>
      <c r="AL45" s="1">
        <v>0</v>
      </c>
      <c r="AM45" s="1">
        <v>200900</v>
      </c>
      <c r="AN45" s="1">
        <v>0</v>
      </c>
      <c r="AO45" s="1">
        <v>80300</v>
      </c>
      <c r="AP45" s="1">
        <v>0</v>
      </c>
      <c r="AQ45" s="1">
        <v>151700</v>
      </c>
      <c r="AR45" s="1">
        <v>0</v>
      </c>
      <c r="AS45" s="1">
        <v>0</v>
      </c>
      <c r="AT45" s="1">
        <v>0</v>
      </c>
      <c r="AU45" s="1">
        <v>84000</v>
      </c>
      <c r="AV45" s="1">
        <v>0</v>
      </c>
      <c r="AW45" s="1">
        <v>10000</v>
      </c>
      <c r="AX45" s="1">
        <v>0</v>
      </c>
      <c r="AY45" s="1">
        <v>19700</v>
      </c>
      <c r="AZ45" s="1">
        <v>12500</v>
      </c>
      <c r="BA45" s="1">
        <v>48900</v>
      </c>
      <c r="BB45" s="1">
        <v>0</v>
      </c>
      <c r="BC45" s="1">
        <v>0</v>
      </c>
      <c r="BD45" s="1">
        <v>12100</v>
      </c>
      <c r="BE45" s="1">
        <v>0</v>
      </c>
      <c r="BF45" s="1">
        <v>144000</v>
      </c>
      <c r="BG45" s="1">
        <v>102100</v>
      </c>
      <c r="BH45" s="1">
        <v>11640700</v>
      </c>
      <c r="BI45" s="1">
        <v>0</v>
      </c>
      <c r="BJ45" s="1">
        <v>0</v>
      </c>
      <c r="BK45" s="1">
        <v>0</v>
      </c>
      <c r="BL45" s="1">
        <v>0</v>
      </c>
      <c r="BM45" s="1">
        <v>0</v>
      </c>
      <c r="BN45" s="1">
        <v>0</v>
      </c>
      <c r="BO45" s="1">
        <v>0</v>
      </c>
      <c r="BP45" s="1">
        <v>36700</v>
      </c>
      <c r="BQ45" s="1">
        <v>0</v>
      </c>
      <c r="BR45" s="1">
        <v>0</v>
      </c>
      <c r="BS45" s="1">
        <v>0</v>
      </c>
      <c r="BT45" s="1">
        <v>0</v>
      </c>
      <c r="BU45" s="1">
        <v>36700</v>
      </c>
      <c r="BV45" s="1">
        <v>0</v>
      </c>
      <c r="BW45" s="1">
        <v>0</v>
      </c>
      <c r="BX45" s="1">
        <v>0</v>
      </c>
      <c r="BY45" s="1">
        <v>0</v>
      </c>
      <c r="BZ45" s="1">
        <v>0</v>
      </c>
      <c r="CA45" s="1">
        <v>0</v>
      </c>
      <c r="CB45" s="1">
        <v>0</v>
      </c>
      <c r="CC45" s="1">
        <v>0</v>
      </c>
      <c r="CD45" s="1">
        <v>0</v>
      </c>
      <c r="CE45" s="1">
        <v>0</v>
      </c>
      <c r="CF45" s="1">
        <v>0</v>
      </c>
      <c r="CG45" s="1">
        <v>0</v>
      </c>
      <c r="CH45" s="1">
        <v>0</v>
      </c>
      <c r="CI45" s="1">
        <v>0</v>
      </c>
      <c r="CJ45" s="1">
        <v>0</v>
      </c>
      <c r="CK45" s="1">
        <v>0</v>
      </c>
      <c r="CL45" s="1">
        <v>0</v>
      </c>
      <c r="CM45" s="1">
        <v>0</v>
      </c>
      <c r="CN45" s="1">
        <v>0</v>
      </c>
      <c r="CO45" s="1">
        <v>0</v>
      </c>
      <c r="CP45" s="1">
        <v>0</v>
      </c>
      <c r="CQ45" s="1">
        <v>0</v>
      </c>
      <c r="CR45" s="1">
        <v>0</v>
      </c>
      <c r="CS45" s="3">
        <v>0</v>
      </c>
      <c r="CT45" s="1">
        <v>24900</v>
      </c>
      <c r="CU45" s="1">
        <v>0</v>
      </c>
      <c r="CV45" s="1">
        <v>3300</v>
      </c>
      <c r="CW45" s="1">
        <v>0</v>
      </c>
      <c r="CX45" s="1">
        <v>0</v>
      </c>
      <c r="CY45" s="1">
        <v>4400</v>
      </c>
      <c r="CZ45" s="1">
        <v>7600</v>
      </c>
      <c r="DA45" s="1">
        <v>7900</v>
      </c>
      <c r="DB45" s="1">
        <v>13800</v>
      </c>
      <c r="DC45" s="1">
        <v>0</v>
      </c>
      <c r="DD45" s="1">
        <v>0</v>
      </c>
      <c r="DE45" s="1">
        <v>0</v>
      </c>
      <c r="DF45" s="3">
        <v>61900</v>
      </c>
      <c r="DG45" s="1">
        <v>11739300</v>
      </c>
    </row>
    <row r="46" spans="1:111" ht="10" customHeight="1">
      <c r="A46" s="186"/>
      <c r="B46" s="187"/>
      <c r="C46" s="170"/>
      <c r="D46" s="93" t="s">
        <v>227</v>
      </c>
      <c r="E46" s="94"/>
      <c r="F46" s="1">
        <v>0</v>
      </c>
      <c r="G46" s="1">
        <v>0</v>
      </c>
      <c r="H46" s="1">
        <v>992100</v>
      </c>
      <c r="I46" s="1">
        <v>0</v>
      </c>
      <c r="J46" s="1">
        <v>389000</v>
      </c>
      <c r="K46" s="1">
        <v>43600</v>
      </c>
      <c r="L46" s="1">
        <v>733100</v>
      </c>
      <c r="M46" s="1">
        <v>0</v>
      </c>
      <c r="N46" s="1">
        <v>368500</v>
      </c>
      <c r="O46" s="1">
        <v>577500</v>
      </c>
      <c r="P46" s="1">
        <v>189100</v>
      </c>
      <c r="Q46" s="1">
        <v>1122600</v>
      </c>
      <c r="R46" s="1">
        <v>229600</v>
      </c>
      <c r="S46" s="1">
        <v>48900</v>
      </c>
      <c r="T46" s="1">
        <v>72200</v>
      </c>
      <c r="U46" s="1">
        <v>522400</v>
      </c>
      <c r="V46" s="1">
        <v>845500</v>
      </c>
      <c r="W46" s="1">
        <v>147600</v>
      </c>
      <c r="X46" s="1">
        <v>561000</v>
      </c>
      <c r="Y46" s="1">
        <v>263300</v>
      </c>
      <c r="Z46" s="1">
        <v>2532400</v>
      </c>
      <c r="AA46" s="1">
        <v>94700</v>
      </c>
      <c r="AB46" s="1">
        <v>336700</v>
      </c>
      <c r="AC46" s="1">
        <v>353900</v>
      </c>
      <c r="AD46" s="1">
        <v>36900</v>
      </c>
      <c r="AE46" s="1">
        <v>366400</v>
      </c>
      <c r="AF46" s="1">
        <v>169100</v>
      </c>
      <c r="AG46" s="1">
        <v>1280000</v>
      </c>
      <c r="AH46" s="1">
        <v>176500</v>
      </c>
      <c r="AI46" s="1">
        <v>911000</v>
      </c>
      <c r="AJ46" s="1">
        <v>404100</v>
      </c>
      <c r="AK46" s="1">
        <v>800160</v>
      </c>
      <c r="AL46" s="1">
        <v>97600</v>
      </c>
      <c r="AM46" s="1">
        <v>12000</v>
      </c>
      <c r="AN46" s="1">
        <v>108200</v>
      </c>
      <c r="AO46" s="1">
        <v>353300</v>
      </c>
      <c r="AP46" s="1">
        <v>484200</v>
      </c>
      <c r="AQ46" s="1">
        <v>101200</v>
      </c>
      <c r="AR46" s="1">
        <v>29400</v>
      </c>
      <c r="AS46" s="1">
        <v>38200</v>
      </c>
      <c r="AT46" s="1">
        <v>27000</v>
      </c>
      <c r="AU46" s="1">
        <v>0</v>
      </c>
      <c r="AV46" s="1">
        <v>145300</v>
      </c>
      <c r="AW46" s="1">
        <v>36300</v>
      </c>
      <c r="AX46" s="1">
        <v>45400</v>
      </c>
      <c r="AY46" s="1">
        <v>0</v>
      </c>
      <c r="AZ46" s="1">
        <v>0</v>
      </c>
      <c r="BA46" s="1">
        <v>138700</v>
      </c>
      <c r="BB46" s="1">
        <v>123700</v>
      </c>
      <c r="BC46" s="1">
        <v>0</v>
      </c>
      <c r="BD46" s="1">
        <v>35600</v>
      </c>
      <c r="BE46" s="1">
        <v>0</v>
      </c>
      <c r="BF46" s="1">
        <v>0</v>
      </c>
      <c r="BG46" s="1">
        <v>266900</v>
      </c>
      <c r="BH46" s="1">
        <v>16610860</v>
      </c>
      <c r="BI46" s="1">
        <v>0</v>
      </c>
      <c r="BJ46" s="1">
        <v>0</v>
      </c>
      <c r="BK46" s="1">
        <v>0</v>
      </c>
      <c r="BL46" s="1">
        <v>165900</v>
      </c>
      <c r="BM46" s="1">
        <v>36100</v>
      </c>
      <c r="BN46" s="1">
        <v>0</v>
      </c>
      <c r="BO46" s="1">
        <v>0</v>
      </c>
      <c r="BP46" s="1">
        <v>36700</v>
      </c>
      <c r="BQ46" s="1">
        <v>0</v>
      </c>
      <c r="BR46" s="1">
        <v>300</v>
      </c>
      <c r="BS46" s="1">
        <v>0</v>
      </c>
      <c r="BT46" s="1">
        <v>56300</v>
      </c>
      <c r="BU46" s="1">
        <v>295300</v>
      </c>
      <c r="BV46" s="1">
        <v>20500</v>
      </c>
      <c r="BW46" s="1">
        <v>5800</v>
      </c>
      <c r="BX46" s="1">
        <v>0</v>
      </c>
      <c r="BY46" s="1">
        <v>0</v>
      </c>
      <c r="BZ46" s="1">
        <v>0</v>
      </c>
      <c r="CA46" s="1">
        <v>58600</v>
      </c>
      <c r="CB46" s="1">
        <v>53600</v>
      </c>
      <c r="CC46" s="1">
        <v>0</v>
      </c>
      <c r="CD46" s="1">
        <v>0</v>
      </c>
      <c r="CE46" s="1">
        <v>0</v>
      </c>
      <c r="CF46" s="1">
        <v>0</v>
      </c>
      <c r="CG46" s="1">
        <v>0</v>
      </c>
      <c r="CH46" s="1">
        <v>0</v>
      </c>
      <c r="CI46" s="1">
        <v>0</v>
      </c>
      <c r="CJ46" s="1">
        <v>0</v>
      </c>
      <c r="CK46" s="1">
        <v>75600</v>
      </c>
      <c r="CL46" s="1">
        <v>206300</v>
      </c>
      <c r="CM46" s="1">
        <v>0</v>
      </c>
      <c r="CN46" s="1">
        <v>9900</v>
      </c>
      <c r="CO46" s="1">
        <v>700</v>
      </c>
      <c r="CP46" s="1">
        <v>0</v>
      </c>
      <c r="CQ46" s="1">
        <v>0</v>
      </c>
      <c r="CR46" s="1">
        <v>0</v>
      </c>
      <c r="CS46" s="3">
        <v>431000</v>
      </c>
      <c r="CT46" s="1">
        <v>0</v>
      </c>
      <c r="CU46" s="1">
        <v>0</v>
      </c>
      <c r="CV46" s="1">
        <v>0</v>
      </c>
      <c r="CW46" s="1">
        <v>0</v>
      </c>
      <c r="CX46" s="1">
        <v>500</v>
      </c>
      <c r="CY46" s="1">
        <v>0</v>
      </c>
      <c r="CZ46" s="1">
        <v>0</v>
      </c>
      <c r="DA46" s="1">
        <v>7900</v>
      </c>
      <c r="DB46" s="1">
        <v>0</v>
      </c>
      <c r="DC46" s="1">
        <v>0</v>
      </c>
      <c r="DD46" s="1">
        <v>0</v>
      </c>
      <c r="DE46" s="1">
        <v>2100</v>
      </c>
      <c r="DF46" s="3">
        <v>10500</v>
      </c>
      <c r="DG46" s="1">
        <v>17347660</v>
      </c>
    </row>
    <row r="47" spans="1:111" ht="10" customHeight="1">
      <c r="A47" s="188"/>
      <c r="B47" s="189"/>
      <c r="C47" s="143"/>
      <c r="D47" s="90" t="s">
        <v>20</v>
      </c>
      <c r="E47" s="91"/>
      <c r="F47" s="1">
        <v>4807400</v>
      </c>
      <c r="G47" s="1">
        <v>0</v>
      </c>
      <c r="H47" s="1">
        <v>0</v>
      </c>
      <c r="I47" s="1">
        <v>0</v>
      </c>
      <c r="J47" s="1">
        <v>154600</v>
      </c>
      <c r="K47" s="1">
        <v>0</v>
      </c>
      <c r="L47" s="1">
        <v>0</v>
      </c>
      <c r="M47" s="1">
        <v>0</v>
      </c>
      <c r="N47" s="1">
        <v>43300</v>
      </c>
      <c r="O47" s="1">
        <v>0</v>
      </c>
      <c r="P47" s="1">
        <v>0</v>
      </c>
      <c r="Q47" s="1">
        <v>0</v>
      </c>
      <c r="R47" s="1">
        <v>0</v>
      </c>
      <c r="S47" s="1">
        <v>0</v>
      </c>
      <c r="T47" s="1">
        <v>186900</v>
      </c>
      <c r="U47" s="1">
        <v>0</v>
      </c>
      <c r="V47" s="1">
        <v>0</v>
      </c>
      <c r="W47" s="1">
        <v>0</v>
      </c>
      <c r="X47" s="1">
        <v>92800</v>
      </c>
      <c r="Y47" s="1">
        <v>0</v>
      </c>
      <c r="Z47" s="1">
        <v>0</v>
      </c>
      <c r="AA47" s="1">
        <v>0</v>
      </c>
      <c r="AB47" s="1">
        <v>0</v>
      </c>
      <c r="AC47" s="1">
        <v>0</v>
      </c>
      <c r="AD47" s="1">
        <v>0</v>
      </c>
      <c r="AE47" s="1">
        <v>201300</v>
      </c>
      <c r="AF47" s="1">
        <v>54300</v>
      </c>
      <c r="AG47" s="1">
        <v>0</v>
      </c>
      <c r="AH47" s="1">
        <v>0</v>
      </c>
      <c r="AI47" s="1">
        <v>0</v>
      </c>
      <c r="AJ47" s="1">
        <v>0</v>
      </c>
      <c r="AK47" s="1">
        <v>0</v>
      </c>
      <c r="AL47" s="1">
        <v>0</v>
      </c>
      <c r="AM47" s="1">
        <v>0</v>
      </c>
      <c r="AN47" s="1">
        <v>13000</v>
      </c>
      <c r="AO47" s="1">
        <v>0</v>
      </c>
      <c r="AP47" s="1">
        <v>0</v>
      </c>
      <c r="AQ47" s="1">
        <v>0</v>
      </c>
      <c r="AR47" s="1">
        <v>11200</v>
      </c>
      <c r="AS47" s="1">
        <v>0</v>
      </c>
      <c r="AT47" s="1">
        <v>0</v>
      </c>
      <c r="AU47" s="1">
        <v>0</v>
      </c>
      <c r="AV47" s="1">
        <v>0</v>
      </c>
      <c r="AW47" s="1">
        <v>0</v>
      </c>
      <c r="AX47" s="1">
        <v>0</v>
      </c>
      <c r="AY47" s="1">
        <v>800</v>
      </c>
      <c r="AZ47" s="1">
        <v>0</v>
      </c>
      <c r="BA47" s="1">
        <v>0</v>
      </c>
      <c r="BB47" s="1">
        <v>0</v>
      </c>
      <c r="BC47" s="1">
        <v>48300</v>
      </c>
      <c r="BD47" s="1">
        <v>0</v>
      </c>
      <c r="BE47" s="1">
        <v>27000</v>
      </c>
      <c r="BF47" s="1">
        <v>0</v>
      </c>
      <c r="BG47" s="1">
        <v>0</v>
      </c>
      <c r="BH47" s="1">
        <v>5640900</v>
      </c>
      <c r="BI47" s="1">
        <v>0</v>
      </c>
      <c r="BJ47" s="1">
        <v>0</v>
      </c>
      <c r="BK47" s="1">
        <v>0</v>
      </c>
      <c r="BL47" s="1">
        <v>0</v>
      </c>
      <c r="BM47" s="1">
        <v>0</v>
      </c>
      <c r="BN47" s="1">
        <v>0</v>
      </c>
      <c r="BO47" s="1">
        <v>0</v>
      </c>
      <c r="BP47" s="1">
        <v>0</v>
      </c>
      <c r="BQ47" s="1">
        <v>0</v>
      </c>
      <c r="BR47" s="1">
        <v>0</v>
      </c>
      <c r="BS47" s="1">
        <v>0</v>
      </c>
      <c r="BT47" s="1">
        <v>0</v>
      </c>
      <c r="BU47" s="1">
        <v>0</v>
      </c>
      <c r="BV47" s="1">
        <v>0</v>
      </c>
      <c r="BW47" s="1">
        <v>0</v>
      </c>
      <c r="BX47" s="1">
        <v>0</v>
      </c>
      <c r="BY47" s="1">
        <v>6600</v>
      </c>
      <c r="BZ47" s="1">
        <v>0</v>
      </c>
      <c r="CA47" s="1">
        <v>0</v>
      </c>
      <c r="CB47" s="1">
        <v>0</v>
      </c>
      <c r="CC47" s="1">
        <v>0</v>
      </c>
      <c r="CD47" s="1">
        <v>0</v>
      </c>
      <c r="CE47" s="1">
        <v>0</v>
      </c>
      <c r="CF47" s="1">
        <v>0</v>
      </c>
      <c r="CG47" s="1">
        <v>0</v>
      </c>
      <c r="CH47" s="1">
        <v>0</v>
      </c>
      <c r="CI47" s="1">
        <v>0</v>
      </c>
      <c r="CJ47" s="1">
        <v>0</v>
      </c>
      <c r="CK47" s="1">
        <v>0</v>
      </c>
      <c r="CL47" s="1">
        <v>0</v>
      </c>
      <c r="CM47" s="1">
        <v>0</v>
      </c>
      <c r="CN47" s="1">
        <v>0</v>
      </c>
      <c r="CO47" s="1">
        <v>0</v>
      </c>
      <c r="CP47" s="1">
        <v>0</v>
      </c>
      <c r="CQ47" s="1">
        <v>0</v>
      </c>
      <c r="CR47" s="1">
        <v>0</v>
      </c>
      <c r="CS47" s="3">
        <v>6600</v>
      </c>
      <c r="CT47" s="1">
        <v>0</v>
      </c>
      <c r="CU47" s="1">
        <v>0</v>
      </c>
      <c r="CV47" s="1">
        <v>0</v>
      </c>
      <c r="CW47" s="1">
        <v>0</v>
      </c>
      <c r="CX47" s="1">
        <v>0</v>
      </c>
      <c r="CY47" s="1">
        <v>0</v>
      </c>
      <c r="CZ47" s="1">
        <v>0</v>
      </c>
      <c r="DA47" s="1">
        <v>0</v>
      </c>
      <c r="DB47" s="1">
        <v>0</v>
      </c>
      <c r="DC47" s="1">
        <v>0</v>
      </c>
      <c r="DD47" s="1">
        <v>0</v>
      </c>
      <c r="DE47" s="1">
        <v>0</v>
      </c>
      <c r="DF47" s="3">
        <v>0</v>
      </c>
      <c r="DG47" s="1">
        <v>5647500</v>
      </c>
    </row>
    <row r="48" spans="1:111" ht="10" customHeight="1">
      <c r="A48" s="186"/>
      <c r="B48" s="190"/>
      <c r="C48" s="98" t="s">
        <v>18</v>
      </c>
      <c r="D48" s="90"/>
      <c r="E48" s="91"/>
      <c r="F48" s="1">
        <v>318800</v>
      </c>
      <c r="G48" s="1">
        <v>52200</v>
      </c>
      <c r="H48" s="1">
        <v>533472</v>
      </c>
      <c r="I48" s="1">
        <v>343181</v>
      </c>
      <c r="J48" s="1">
        <v>93546</v>
      </c>
      <c r="K48" s="1">
        <v>24413</v>
      </c>
      <c r="L48" s="1">
        <v>135900</v>
      </c>
      <c r="M48" s="1">
        <v>172183</v>
      </c>
      <c r="N48" s="1">
        <v>103700</v>
      </c>
      <c r="O48" s="1">
        <v>291055</v>
      </c>
      <c r="P48" s="1">
        <v>157968</v>
      </c>
      <c r="Q48" s="1">
        <v>485000</v>
      </c>
      <c r="R48" s="1">
        <v>31000</v>
      </c>
      <c r="S48" s="1">
        <v>33210</v>
      </c>
      <c r="T48" s="1">
        <v>82980</v>
      </c>
      <c r="U48" s="1">
        <v>306660</v>
      </c>
      <c r="V48" s="1">
        <v>364425</v>
      </c>
      <c r="W48" s="1">
        <v>140130</v>
      </c>
      <c r="X48" s="1">
        <v>304535</v>
      </c>
      <c r="Y48" s="1">
        <v>49000</v>
      </c>
      <c r="Z48" s="1">
        <v>2507500</v>
      </c>
      <c r="AA48" s="1">
        <v>40500</v>
      </c>
      <c r="AB48" s="1">
        <v>352920</v>
      </c>
      <c r="AC48" s="1">
        <v>133750</v>
      </c>
      <c r="AD48" s="1">
        <v>0</v>
      </c>
      <c r="AE48" s="1">
        <v>12900</v>
      </c>
      <c r="AF48" s="1">
        <v>41700</v>
      </c>
      <c r="AG48" s="1">
        <v>150100</v>
      </c>
      <c r="AH48" s="1">
        <v>0</v>
      </c>
      <c r="AI48" s="1">
        <v>392543</v>
      </c>
      <c r="AJ48" s="1">
        <v>214444</v>
      </c>
      <c r="AK48" s="1">
        <v>178789</v>
      </c>
      <c r="AL48" s="1">
        <v>0</v>
      </c>
      <c r="AM48" s="1">
        <v>86240</v>
      </c>
      <c r="AN48" s="1">
        <v>36600</v>
      </c>
      <c r="AO48" s="1">
        <v>263985</v>
      </c>
      <c r="AP48" s="1">
        <v>601497</v>
      </c>
      <c r="AQ48" s="1">
        <v>171450</v>
      </c>
      <c r="AR48" s="1">
        <v>14300</v>
      </c>
      <c r="AS48" s="1">
        <v>29700</v>
      </c>
      <c r="AT48" s="1">
        <v>0</v>
      </c>
      <c r="AU48" s="1">
        <v>30100</v>
      </c>
      <c r="AV48" s="1">
        <v>63700</v>
      </c>
      <c r="AW48" s="1">
        <v>0</v>
      </c>
      <c r="AX48" s="1">
        <v>36144</v>
      </c>
      <c r="AY48" s="1">
        <v>7900</v>
      </c>
      <c r="AZ48" s="1">
        <v>0</v>
      </c>
      <c r="BA48" s="1">
        <v>90200</v>
      </c>
      <c r="BB48" s="1">
        <v>32000</v>
      </c>
      <c r="BC48" s="1">
        <v>3000</v>
      </c>
      <c r="BD48" s="1">
        <v>2500</v>
      </c>
      <c r="BE48" s="1">
        <v>23600</v>
      </c>
      <c r="BF48" s="1">
        <v>225920</v>
      </c>
      <c r="BG48" s="1">
        <v>521962</v>
      </c>
      <c r="BH48" s="1">
        <v>10289302</v>
      </c>
      <c r="BI48" s="1">
        <v>0</v>
      </c>
      <c r="BJ48" s="1">
        <v>0</v>
      </c>
      <c r="BK48" s="1">
        <v>0</v>
      </c>
      <c r="BL48" s="1">
        <v>3000</v>
      </c>
      <c r="BM48" s="1">
        <v>9000</v>
      </c>
      <c r="BN48" s="1">
        <v>0</v>
      </c>
      <c r="BO48" s="1">
        <v>4349</v>
      </c>
      <c r="BP48" s="1">
        <v>39000</v>
      </c>
      <c r="BQ48" s="1">
        <v>0</v>
      </c>
      <c r="BR48" s="1">
        <v>0</v>
      </c>
      <c r="BS48" s="1">
        <v>0</v>
      </c>
      <c r="BT48" s="1">
        <v>82900</v>
      </c>
      <c r="BU48" s="1">
        <v>138249</v>
      </c>
      <c r="BV48" s="1">
        <v>0</v>
      </c>
      <c r="BW48" s="1">
        <v>0</v>
      </c>
      <c r="BX48" s="1">
        <v>0</v>
      </c>
      <c r="BY48" s="1">
        <v>0</v>
      </c>
      <c r="BZ48" s="1">
        <v>0</v>
      </c>
      <c r="CA48" s="1">
        <v>0</v>
      </c>
      <c r="CB48" s="1">
        <v>33000</v>
      </c>
      <c r="CC48" s="1">
        <v>15900</v>
      </c>
      <c r="CD48" s="1">
        <v>0</v>
      </c>
      <c r="CE48" s="1">
        <v>0</v>
      </c>
      <c r="CF48" s="1">
        <v>0</v>
      </c>
      <c r="CG48" s="1">
        <v>0</v>
      </c>
      <c r="CH48" s="1">
        <v>0</v>
      </c>
      <c r="CI48" s="1">
        <v>0</v>
      </c>
      <c r="CJ48" s="1">
        <v>0</v>
      </c>
      <c r="CK48" s="1">
        <v>0</v>
      </c>
      <c r="CL48" s="1">
        <v>196496</v>
      </c>
      <c r="CM48" s="1">
        <v>0</v>
      </c>
      <c r="CN48" s="1">
        <v>8300</v>
      </c>
      <c r="CO48" s="1">
        <v>0</v>
      </c>
      <c r="CP48" s="1">
        <v>0</v>
      </c>
      <c r="CQ48" s="1">
        <v>0</v>
      </c>
      <c r="CR48" s="1">
        <v>0</v>
      </c>
      <c r="CS48" s="3">
        <v>253696</v>
      </c>
      <c r="CT48" s="1">
        <v>17073</v>
      </c>
      <c r="CU48" s="1">
        <v>1786</v>
      </c>
      <c r="CV48" s="1">
        <v>2829</v>
      </c>
      <c r="CW48" s="1">
        <v>1079</v>
      </c>
      <c r="CX48" s="1">
        <v>540</v>
      </c>
      <c r="CY48" s="1">
        <v>3058</v>
      </c>
      <c r="CZ48" s="1">
        <v>5441</v>
      </c>
      <c r="DA48" s="1">
        <v>7512</v>
      </c>
      <c r="DB48" s="1">
        <v>9854</v>
      </c>
      <c r="DC48" s="1">
        <v>3935</v>
      </c>
      <c r="DD48" s="1">
        <v>2134</v>
      </c>
      <c r="DE48" s="1">
        <v>2895</v>
      </c>
      <c r="DF48" s="3">
        <v>58136</v>
      </c>
      <c r="DG48" s="1">
        <v>10739383</v>
      </c>
    </row>
    <row r="49" spans="1:111" ht="10" customHeight="1">
      <c r="A49" s="186"/>
      <c r="B49" s="190"/>
      <c r="C49" s="98" t="s">
        <v>57</v>
      </c>
      <c r="D49" s="90"/>
      <c r="E49" s="91"/>
      <c r="F49" s="1">
        <v>0</v>
      </c>
      <c r="G49" s="1">
        <v>0</v>
      </c>
      <c r="H49" s="1">
        <v>0</v>
      </c>
      <c r="I49" s="1">
        <v>0</v>
      </c>
      <c r="J49" s="1">
        <v>0</v>
      </c>
      <c r="K49" s="1">
        <v>0</v>
      </c>
      <c r="L49" s="1">
        <v>0</v>
      </c>
      <c r="M49" s="1">
        <v>0</v>
      </c>
      <c r="N49" s="1">
        <v>0</v>
      </c>
      <c r="O49" s="1">
        <v>0</v>
      </c>
      <c r="P49" s="1">
        <v>0</v>
      </c>
      <c r="Q49" s="1">
        <v>0</v>
      </c>
      <c r="R49" s="1">
        <v>0</v>
      </c>
      <c r="S49" s="1">
        <v>0</v>
      </c>
      <c r="T49" s="1">
        <v>0</v>
      </c>
      <c r="U49" s="1">
        <v>0</v>
      </c>
      <c r="V49" s="1">
        <v>0</v>
      </c>
      <c r="W49" s="1">
        <v>0</v>
      </c>
      <c r="X49" s="1">
        <v>0</v>
      </c>
      <c r="Y49" s="1">
        <v>0</v>
      </c>
      <c r="Z49" s="1">
        <v>0</v>
      </c>
      <c r="AA49" s="1">
        <v>0</v>
      </c>
      <c r="AB49" s="1">
        <v>0</v>
      </c>
      <c r="AC49" s="1">
        <v>0</v>
      </c>
      <c r="AD49" s="1">
        <v>0</v>
      </c>
      <c r="AE49" s="1">
        <v>0</v>
      </c>
      <c r="AF49" s="1">
        <v>0</v>
      </c>
      <c r="AG49" s="1">
        <v>0</v>
      </c>
      <c r="AH49" s="1">
        <v>0</v>
      </c>
      <c r="AI49" s="1">
        <v>0</v>
      </c>
      <c r="AJ49" s="1">
        <v>0</v>
      </c>
      <c r="AK49" s="1">
        <v>0</v>
      </c>
      <c r="AL49" s="1">
        <v>0</v>
      </c>
      <c r="AM49" s="1">
        <v>0</v>
      </c>
      <c r="AN49" s="1">
        <v>0</v>
      </c>
      <c r="AO49" s="1">
        <v>0</v>
      </c>
      <c r="AP49" s="1">
        <v>0</v>
      </c>
      <c r="AQ49" s="1">
        <v>0</v>
      </c>
      <c r="AR49" s="1">
        <v>0</v>
      </c>
      <c r="AS49" s="1">
        <v>0</v>
      </c>
      <c r="AT49" s="1">
        <v>0</v>
      </c>
      <c r="AU49" s="1">
        <v>0</v>
      </c>
      <c r="AV49" s="1">
        <v>0</v>
      </c>
      <c r="AW49" s="1">
        <v>0</v>
      </c>
      <c r="AX49" s="1">
        <v>0</v>
      </c>
      <c r="AY49" s="1">
        <v>0</v>
      </c>
      <c r="AZ49" s="1">
        <v>0</v>
      </c>
      <c r="BA49" s="1">
        <v>0</v>
      </c>
      <c r="BB49" s="1">
        <v>0</v>
      </c>
      <c r="BC49" s="1">
        <v>0</v>
      </c>
      <c r="BD49" s="1">
        <v>0</v>
      </c>
      <c r="BE49" s="1">
        <v>0</v>
      </c>
      <c r="BF49" s="1">
        <v>0</v>
      </c>
      <c r="BG49" s="1">
        <v>0</v>
      </c>
      <c r="BH49" s="1">
        <v>0</v>
      </c>
      <c r="BI49" s="1">
        <v>0</v>
      </c>
      <c r="BJ49" s="1">
        <v>0</v>
      </c>
      <c r="BK49" s="1">
        <v>0</v>
      </c>
      <c r="BL49" s="1">
        <v>0</v>
      </c>
      <c r="BM49" s="1">
        <v>0</v>
      </c>
      <c r="BN49" s="1">
        <v>0</v>
      </c>
      <c r="BO49" s="1">
        <v>0</v>
      </c>
      <c r="BP49" s="1">
        <v>0</v>
      </c>
      <c r="BQ49" s="1">
        <v>0</v>
      </c>
      <c r="BR49" s="1">
        <v>0</v>
      </c>
      <c r="BS49" s="1">
        <v>0</v>
      </c>
      <c r="BT49" s="1">
        <v>0</v>
      </c>
      <c r="BU49" s="1">
        <v>0</v>
      </c>
      <c r="BV49" s="1">
        <v>34000</v>
      </c>
      <c r="BW49" s="1">
        <v>0</v>
      </c>
      <c r="BX49" s="1">
        <v>0</v>
      </c>
      <c r="BY49" s="1">
        <v>0</v>
      </c>
      <c r="BZ49" s="1">
        <v>0</v>
      </c>
      <c r="CA49" s="1">
        <v>0</v>
      </c>
      <c r="CB49" s="1">
        <v>0</v>
      </c>
      <c r="CC49" s="1">
        <v>0</v>
      </c>
      <c r="CD49" s="1">
        <v>0</v>
      </c>
      <c r="CE49" s="1">
        <v>0</v>
      </c>
      <c r="CF49" s="1">
        <v>0</v>
      </c>
      <c r="CG49" s="1">
        <v>0</v>
      </c>
      <c r="CH49" s="1">
        <v>0</v>
      </c>
      <c r="CI49" s="1">
        <v>0</v>
      </c>
      <c r="CJ49" s="1">
        <v>0</v>
      </c>
      <c r="CK49" s="1">
        <v>28264</v>
      </c>
      <c r="CL49" s="1">
        <v>0</v>
      </c>
      <c r="CM49" s="1">
        <v>0</v>
      </c>
      <c r="CN49" s="1">
        <v>0</v>
      </c>
      <c r="CO49" s="1">
        <v>0</v>
      </c>
      <c r="CP49" s="1">
        <v>0</v>
      </c>
      <c r="CQ49" s="1">
        <v>0</v>
      </c>
      <c r="CR49" s="1">
        <v>0</v>
      </c>
      <c r="CS49" s="3">
        <v>62264</v>
      </c>
      <c r="CT49" s="1">
        <v>2900</v>
      </c>
      <c r="CU49" s="1">
        <v>1200</v>
      </c>
      <c r="CV49" s="1">
        <v>500</v>
      </c>
      <c r="CW49" s="1">
        <v>580</v>
      </c>
      <c r="CX49" s="1">
        <v>0</v>
      </c>
      <c r="CY49" s="1">
        <v>300</v>
      </c>
      <c r="CZ49" s="1">
        <v>600</v>
      </c>
      <c r="DA49" s="1">
        <v>891</v>
      </c>
      <c r="DB49" s="1">
        <v>1000</v>
      </c>
      <c r="DC49" s="1">
        <v>0</v>
      </c>
      <c r="DD49" s="1">
        <v>1110</v>
      </c>
      <c r="DE49" s="1">
        <v>600</v>
      </c>
      <c r="DF49" s="3">
        <v>9681</v>
      </c>
      <c r="DG49" s="1">
        <v>71945</v>
      </c>
    </row>
    <row r="50" spans="1:111" ht="10" customHeight="1">
      <c r="A50" s="186"/>
      <c r="B50" s="190"/>
      <c r="C50" s="98" t="s">
        <v>93</v>
      </c>
      <c r="D50" s="90"/>
      <c r="E50" s="91"/>
      <c r="F50" s="1">
        <v>252521</v>
      </c>
      <c r="G50" s="1">
        <v>0</v>
      </c>
      <c r="H50" s="1">
        <v>56862</v>
      </c>
      <c r="I50" s="1">
        <v>32336</v>
      </c>
      <c r="J50" s="1">
        <v>19330</v>
      </c>
      <c r="K50" s="1">
        <v>5690</v>
      </c>
      <c r="L50" s="1">
        <v>112635</v>
      </c>
      <c r="M50" s="1">
        <v>83583</v>
      </c>
      <c r="N50" s="1">
        <v>5349</v>
      </c>
      <c r="O50" s="1">
        <v>68499</v>
      </c>
      <c r="P50" s="1">
        <v>11632</v>
      </c>
      <c r="Q50" s="1">
        <v>82576</v>
      </c>
      <c r="R50" s="1">
        <v>12679</v>
      </c>
      <c r="S50" s="1">
        <v>9909</v>
      </c>
      <c r="T50" s="1">
        <v>67424</v>
      </c>
      <c r="U50" s="1">
        <v>63238</v>
      </c>
      <c r="V50" s="1">
        <v>43817</v>
      </c>
      <c r="W50" s="1">
        <v>14805</v>
      </c>
      <c r="X50" s="1">
        <v>412</v>
      </c>
      <c r="Y50" s="1">
        <v>44</v>
      </c>
      <c r="Z50" s="1">
        <v>15515</v>
      </c>
      <c r="AA50" s="1">
        <v>25490</v>
      </c>
      <c r="AB50" s="1">
        <v>206786</v>
      </c>
      <c r="AC50" s="1">
        <v>96273</v>
      </c>
      <c r="AD50" s="1">
        <v>743</v>
      </c>
      <c r="AE50" s="1">
        <v>16413</v>
      </c>
      <c r="AF50" s="1">
        <v>1868</v>
      </c>
      <c r="AG50" s="1">
        <v>62852</v>
      </c>
      <c r="AH50" s="1">
        <v>5088</v>
      </c>
      <c r="AI50" s="1">
        <v>59239</v>
      </c>
      <c r="AJ50" s="1">
        <v>537</v>
      </c>
      <c r="AK50" s="1">
        <v>113645</v>
      </c>
      <c r="AL50" s="1">
        <v>8748</v>
      </c>
      <c r="AM50" s="1">
        <v>9366</v>
      </c>
      <c r="AN50" s="1">
        <v>5395</v>
      </c>
      <c r="AO50" s="1">
        <v>0</v>
      </c>
      <c r="AP50" s="1">
        <v>324167</v>
      </c>
      <c r="AQ50" s="1">
        <v>10463</v>
      </c>
      <c r="AR50" s="1">
        <v>3635</v>
      </c>
      <c r="AS50" s="1">
        <v>0</v>
      </c>
      <c r="AT50" s="1">
        <v>0</v>
      </c>
      <c r="AU50" s="1">
        <v>289</v>
      </c>
      <c r="AV50" s="1">
        <v>12453</v>
      </c>
      <c r="AW50" s="1">
        <v>0</v>
      </c>
      <c r="AX50" s="1">
        <v>109</v>
      </c>
      <c r="AY50" s="1">
        <v>5066</v>
      </c>
      <c r="AZ50" s="1">
        <v>0</v>
      </c>
      <c r="BA50" s="1">
        <v>0</v>
      </c>
      <c r="BB50" s="1">
        <v>17033</v>
      </c>
      <c r="BC50" s="1">
        <v>0</v>
      </c>
      <c r="BD50" s="1">
        <v>2741</v>
      </c>
      <c r="BE50" s="1">
        <v>305</v>
      </c>
      <c r="BF50" s="1">
        <v>27246</v>
      </c>
      <c r="BG50" s="1">
        <v>2883</v>
      </c>
      <c r="BH50" s="1">
        <v>1977689</v>
      </c>
      <c r="BI50" s="1">
        <v>0</v>
      </c>
      <c r="BJ50" s="1">
        <v>0</v>
      </c>
      <c r="BK50" s="1">
        <v>0</v>
      </c>
      <c r="BL50" s="1">
        <v>8065</v>
      </c>
      <c r="BM50" s="1">
        <v>0</v>
      </c>
      <c r="BN50" s="1">
        <v>0</v>
      </c>
      <c r="BO50" s="1">
        <v>1621</v>
      </c>
      <c r="BP50" s="1">
        <v>0</v>
      </c>
      <c r="BQ50" s="1">
        <v>0</v>
      </c>
      <c r="BR50" s="1">
        <v>0</v>
      </c>
      <c r="BS50" s="1">
        <v>669</v>
      </c>
      <c r="BT50" s="1">
        <v>6664</v>
      </c>
      <c r="BU50" s="1">
        <v>17019</v>
      </c>
      <c r="BV50" s="1">
        <v>0</v>
      </c>
      <c r="BW50" s="1">
        <v>0</v>
      </c>
      <c r="BX50" s="1">
        <v>0</v>
      </c>
      <c r="BY50" s="1">
        <v>1260</v>
      </c>
      <c r="BZ50" s="1">
        <v>0</v>
      </c>
      <c r="CA50" s="1">
        <v>14018</v>
      </c>
      <c r="CB50" s="1">
        <v>0</v>
      </c>
      <c r="CC50" s="1">
        <v>1426</v>
      </c>
      <c r="CD50" s="1">
        <v>0</v>
      </c>
      <c r="CE50" s="1">
        <v>0</v>
      </c>
      <c r="CF50" s="1">
        <v>0</v>
      </c>
      <c r="CG50" s="1">
        <v>0</v>
      </c>
      <c r="CH50" s="1">
        <v>0</v>
      </c>
      <c r="CI50" s="1">
        <v>0</v>
      </c>
      <c r="CJ50" s="1">
        <v>700</v>
      </c>
      <c r="CK50" s="1">
        <v>679</v>
      </c>
      <c r="CL50" s="1">
        <v>3500</v>
      </c>
      <c r="CM50" s="1">
        <v>1500</v>
      </c>
      <c r="CN50" s="1">
        <v>4000</v>
      </c>
      <c r="CO50" s="1">
        <v>0</v>
      </c>
      <c r="CP50" s="1">
        <v>0</v>
      </c>
      <c r="CQ50" s="1">
        <v>0</v>
      </c>
      <c r="CR50" s="1">
        <v>0</v>
      </c>
      <c r="CS50" s="3">
        <v>27083</v>
      </c>
      <c r="CT50" s="1">
        <v>4530</v>
      </c>
      <c r="CU50" s="1">
        <v>317</v>
      </c>
      <c r="CV50" s="1">
        <v>736</v>
      </c>
      <c r="CW50" s="1">
        <v>216</v>
      </c>
      <c r="CX50" s="1">
        <v>113</v>
      </c>
      <c r="CY50" s="1">
        <v>1162</v>
      </c>
      <c r="CZ50" s="1">
        <v>2156</v>
      </c>
      <c r="DA50" s="1">
        <v>3351</v>
      </c>
      <c r="DB50" s="1">
        <v>2573</v>
      </c>
      <c r="DC50" s="1">
        <v>569</v>
      </c>
      <c r="DD50" s="1">
        <v>521</v>
      </c>
      <c r="DE50" s="1">
        <v>1772</v>
      </c>
      <c r="DF50" s="3">
        <v>18016</v>
      </c>
      <c r="DG50" s="1">
        <v>2039807</v>
      </c>
    </row>
    <row r="51" spans="1:111" ht="10" customHeight="1">
      <c r="A51" s="186"/>
      <c r="B51" s="190"/>
      <c r="C51" s="98" t="s">
        <v>61</v>
      </c>
      <c r="D51" s="90"/>
      <c r="E51" s="91"/>
      <c r="F51" s="1">
        <v>0</v>
      </c>
      <c r="G51" s="1">
        <v>119331</v>
      </c>
      <c r="H51" s="1">
        <v>0</v>
      </c>
      <c r="I51" s="1">
        <v>175994</v>
      </c>
      <c r="J51" s="1">
        <v>0</v>
      </c>
      <c r="K51" s="1">
        <v>13656</v>
      </c>
      <c r="L51" s="1">
        <v>148005</v>
      </c>
      <c r="M51" s="1">
        <v>103530</v>
      </c>
      <c r="N51" s="1">
        <v>0</v>
      </c>
      <c r="O51" s="1">
        <v>0</v>
      </c>
      <c r="P51" s="1">
        <v>0</v>
      </c>
      <c r="Q51" s="1">
        <v>0</v>
      </c>
      <c r="R51" s="1">
        <v>0</v>
      </c>
      <c r="S51" s="1">
        <v>0</v>
      </c>
      <c r="T51" s="1">
        <v>0</v>
      </c>
      <c r="U51" s="1">
        <v>114627</v>
      </c>
      <c r="V51" s="1">
        <v>399373</v>
      </c>
      <c r="W51" s="1">
        <v>72036</v>
      </c>
      <c r="X51" s="1">
        <v>80983</v>
      </c>
      <c r="Y51" s="1">
        <v>22513</v>
      </c>
      <c r="Z51" s="1">
        <v>0</v>
      </c>
      <c r="AA51" s="1">
        <v>0</v>
      </c>
      <c r="AB51" s="1">
        <v>25442</v>
      </c>
      <c r="AC51" s="1">
        <v>0</v>
      </c>
      <c r="AD51" s="1">
        <v>7281</v>
      </c>
      <c r="AE51" s="1">
        <v>0</v>
      </c>
      <c r="AF51" s="1">
        <v>20797</v>
      </c>
      <c r="AG51" s="1">
        <v>480</v>
      </c>
      <c r="AH51" s="1">
        <v>0</v>
      </c>
      <c r="AI51" s="1">
        <v>193283</v>
      </c>
      <c r="AJ51" s="1">
        <v>9832</v>
      </c>
      <c r="AK51" s="1">
        <v>0</v>
      </c>
      <c r="AL51" s="1">
        <v>0</v>
      </c>
      <c r="AM51" s="1">
        <v>53943</v>
      </c>
      <c r="AN51" s="1">
        <v>0</v>
      </c>
      <c r="AO51" s="1">
        <v>0</v>
      </c>
      <c r="AP51" s="1">
        <v>0</v>
      </c>
      <c r="AQ51" s="1">
        <v>0</v>
      </c>
      <c r="AR51" s="1">
        <v>0</v>
      </c>
      <c r="AS51" s="1">
        <v>0</v>
      </c>
      <c r="AT51" s="1">
        <v>0</v>
      </c>
      <c r="AU51" s="1">
        <v>0</v>
      </c>
      <c r="AV51" s="1">
        <v>0</v>
      </c>
      <c r="AW51" s="1">
        <v>42800</v>
      </c>
      <c r="AX51" s="1">
        <v>0</v>
      </c>
      <c r="AY51" s="1">
        <v>30768</v>
      </c>
      <c r="AZ51" s="1">
        <v>0</v>
      </c>
      <c r="BA51" s="1">
        <v>0</v>
      </c>
      <c r="BB51" s="1">
        <v>0</v>
      </c>
      <c r="BC51" s="1">
        <v>0</v>
      </c>
      <c r="BD51" s="1">
        <v>16988</v>
      </c>
      <c r="BE51" s="1">
        <v>20000</v>
      </c>
      <c r="BF51" s="1">
        <v>82172</v>
      </c>
      <c r="BG51" s="1">
        <v>5266</v>
      </c>
      <c r="BH51" s="1">
        <v>1759100</v>
      </c>
      <c r="BI51" s="1">
        <v>0</v>
      </c>
      <c r="BJ51" s="1">
        <v>0</v>
      </c>
      <c r="BK51" s="1">
        <v>0</v>
      </c>
      <c r="BL51" s="1">
        <v>0</v>
      </c>
      <c r="BM51" s="1">
        <v>0</v>
      </c>
      <c r="BN51" s="1">
        <v>0</v>
      </c>
      <c r="BO51" s="1">
        <v>0</v>
      </c>
      <c r="BP51" s="1">
        <v>0</v>
      </c>
      <c r="BQ51" s="1">
        <v>0</v>
      </c>
      <c r="BR51" s="1">
        <v>0</v>
      </c>
      <c r="BS51" s="1">
        <v>0</v>
      </c>
      <c r="BT51" s="1">
        <v>0</v>
      </c>
      <c r="BU51" s="1">
        <v>0</v>
      </c>
      <c r="BV51" s="1">
        <v>0</v>
      </c>
      <c r="BW51" s="1">
        <v>0</v>
      </c>
      <c r="BX51" s="1">
        <v>7048</v>
      </c>
      <c r="BY51" s="1">
        <v>0</v>
      </c>
      <c r="BZ51" s="1">
        <v>0</v>
      </c>
      <c r="CA51" s="1">
        <v>0</v>
      </c>
      <c r="CB51" s="1">
        <v>0</v>
      </c>
      <c r="CC51" s="1">
        <v>45269</v>
      </c>
      <c r="CD51" s="1">
        <v>0</v>
      </c>
      <c r="CE51" s="1">
        <v>0</v>
      </c>
      <c r="CF51" s="1">
        <v>206</v>
      </c>
      <c r="CG51" s="1">
        <v>0</v>
      </c>
      <c r="CH51" s="1">
        <v>6040</v>
      </c>
      <c r="CI51" s="1">
        <v>0</v>
      </c>
      <c r="CJ51" s="1">
        <v>0</v>
      </c>
      <c r="CK51" s="1">
        <v>0</v>
      </c>
      <c r="CL51" s="1">
        <v>0</v>
      </c>
      <c r="CM51" s="1">
        <v>3026</v>
      </c>
      <c r="CN51" s="1">
        <v>5057</v>
      </c>
      <c r="CO51" s="1">
        <v>0</v>
      </c>
      <c r="CP51" s="1">
        <v>0</v>
      </c>
      <c r="CQ51" s="1">
        <v>0</v>
      </c>
      <c r="CR51" s="1">
        <v>0</v>
      </c>
      <c r="CS51" s="3">
        <v>66646</v>
      </c>
      <c r="CT51" s="1">
        <v>0</v>
      </c>
      <c r="CU51" s="1">
        <v>0</v>
      </c>
      <c r="CV51" s="1">
        <v>0</v>
      </c>
      <c r="CW51" s="1">
        <v>0</v>
      </c>
      <c r="CX51" s="1">
        <v>116</v>
      </c>
      <c r="CY51" s="1">
        <v>59</v>
      </c>
      <c r="CZ51" s="1">
        <v>0</v>
      </c>
      <c r="DA51" s="1">
        <v>0</v>
      </c>
      <c r="DB51" s="1">
        <v>0</v>
      </c>
      <c r="DC51" s="1">
        <v>1865</v>
      </c>
      <c r="DD51" s="1">
        <v>0</v>
      </c>
      <c r="DE51" s="1">
        <v>0</v>
      </c>
      <c r="DF51" s="3">
        <v>2040</v>
      </c>
      <c r="DG51" s="1">
        <v>1827786</v>
      </c>
    </row>
    <row r="52" spans="1:111" ht="10" customHeight="1">
      <c r="A52" s="191"/>
      <c r="B52" s="192"/>
      <c r="C52" s="98" t="s">
        <v>20</v>
      </c>
      <c r="D52" s="90"/>
      <c r="E52" s="91"/>
      <c r="F52" s="1">
        <v>682765</v>
      </c>
      <c r="G52" s="1">
        <v>1846241</v>
      </c>
      <c r="H52" s="1">
        <v>90262</v>
      </c>
      <c r="I52" s="1">
        <v>533064</v>
      </c>
      <c r="J52" s="1">
        <v>60373</v>
      </c>
      <c r="K52" s="1">
        <v>0</v>
      </c>
      <c r="L52" s="1">
        <v>2382979</v>
      </c>
      <c r="M52" s="1">
        <v>107403</v>
      </c>
      <c r="N52" s="1">
        <v>62675</v>
      </c>
      <c r="O52" s="1">
        <v>344363</v>
      </c>
      <c r="P52" s="1">
        <v>75841</v>
      </c>
      <c r="Q52" s="1">
        <v>20302</v>
      </c>
      <c r="R52" s="1">
        <v>503466</v>
      </c>
      <c r="S52" s="1">
        <v>44081</v>
      </c>
      <c r="T52" s="1">
        <v>209425</v>
      </c>
      <c r="U52" s="1">
        <v>0</v>
      </c>
      <c r="V52" s="1">
        <v>48883</v>
      </c>
      <c r="W52" s="1">
        <v>567598</v>
      </c>
      <c r="X52" s="1">
        <v>0</v>
      </c>
      <c r="Y52" s="1">
        <v>42816</v>
      </c>
      <c r="Z52" s="1">
        <v>216251</v>
      </c>
      <c r="AA52" s="1">
        <v>311378</v>
      </c>
      <c r="AB52" s="1">
        <v>164517</v>
      </c>
      <c r="AC52" s="1">
        <v>27228</v>
      </c>
      <c r="AD52" s="1">
        <v>26350</v>
      </c>
      <c r="AE52" s="1">
        <v>410479</v>
      </c>
      <c r="AF52" s="1">
        <v>16004</v>
      </c>
      <c r="AG52" s="1">
        <v>38372</v>
      </c>
      <c r="AH52" s="1">
        <v>50705</v>
      </c>
      <c r="AI52" s="1">
        <v>0</v>
      </c>
      <c r="AJ52" s="1">
        <v>210826</v>
      </c>
      <c r="AK52" s="1">
        <v>410439</v>
      </c>
      <c r="AL52" s="1">
        <v>83232</v>
      </c>
      <c r="AM52" s="1">
        <v>90</v>
      </c>
      <c r="AN52" s="1">
        <v>21794</v>
      </c>
      <c r="AO52" s="1">
        <v>55580</v>
      </c>
      <c r="AP52" s="1">
        <v>7314</v>
      </c>
      <c r="AQ52" s="1">
        <v>145054</v>
      </c>
      <c r="AR52" s="1">
        <v>23915</v>
      </c>
      <c r="AS52" s="1">
        <v>48445</v>
      </c>
      <c r="AT52" s="1">
        <v>3613</v>
      </c>
      <c r="AU52" s="1">
        <v>346</v>
      </c>
      <c r="AV52" s="1">
        <v>0</v>
      </c>
      <c r="AW52" s="1">
        <v>3055</v>
      </c>
      <c r="AX52" s="1">
        <v>33307</v>
      </c>
      <c r="AY52" s="1">
        <v>3626</v>
      </c>
      <c r="AZ52" s="1">
        <v>40</v>
      </c>
      <c r="BA52" s="1">
        <v>17808</v>
      </c>
      <c r="BB52" s="1">
        <v>29281</v>
      </c>
      <c r="BC52" s="1">
        <v>1302</v>
      </c>
      <c r="BD52" s="1">
        <v>48807</v>
      </c>
      <c r="BE52" s="1">
        <v>17295</v>
      </c>
      <c r="BF52" s="1">
        <v>374665</v>
      </c>
      <c r="BG52" s="1">
        <v>84713</v>
      </c>
      <c r="BH52" s="1">
        <v>10508368</v>
      </c>
      <c r="BI52" s="1">
        <v>5770</v>
      </c>
      <c r="BJ52" s="1">
        <v>89</v>
      </c>
      <c r="BK52" s="1">
        <v>0</v>
      </c>
      <c r="BL52" s="1">
        <v>14706</v>
      </c>
      <c r="BM52" s="1">
        <v>9570</v>
      </c>
      <c r="BN52" s="1">
        <v>0</v>
      </c>
      <c r="BO52" s="1">
        <v>12894</v>
      </c>
      <c r="BP52" s="1">
        <v>31094</v>
      </c>
      <c r="BQ52" s="1">
        <v>0</v>
      </c>
      <c r="BR52" s="1">
        <v>5363</v>
      </c>
      <c r="BS52" s="1">
        <v>0</v>
      </c>
      <c r="BT52" s="1">
        <v>65231</v>
      </c>
      <c r="BU52" s="1">
        <v>144717</v>
      </c>
      <c r="BV52" s="1">
        <v>45529</v>
      </c>
      <c r="BW52" s="1">
        <v>8483</v>
      </c>
      <c r="BX52" s="1">
        <v>5194</v>
      </c>
      <c r="BY52" s="1">
        <v>653</v>
      </c>
      <c r="BZ52" s="1">
        <v>0</v>
      </c>
      <c r="CA52" s="1">
        <v>17595</v>
      </c>
      <c r="CB52" s="1">
        <v>5063</v>
      </c>
      <c r="CC52" s="1">
        <v>0</v>
      </c>
      <c r="CD52" s="1">
        <v>1090</v>
      </c>
      <c r="CE52" s="1">
        <v>0</v>
      </c>
      <c r="CF52" s="1">
        <v>0</v>
      </c>
      <c r="CG52" s="1">
        <v>517</v>
      </c>
      <c r="CH52" s="1">
        <v>604</v>
      </c>
      <c r="CI52" s="1">
        <v>0</v>
      </c>
      <c r="CJ52" s="1">
        <v>620</v>
      </c>
      <c r="CK52" s="1">
        <v>0</v>
      </c>
      <c r="CL52" s="1">
        <v>15961</v>
      </c>
      <c r="CM52" s="1">
        <v>0</v>
      </c>
      <c r="CN52" s="1">
        <v>0</v>
      </c>
      <c r="CO52" s="1">
        <v>19</v>
      </c>
      <c r="CP52" s="1">
        <v>8800</v>
      </c>
      <c r="CQ52" s="1">
        <v>1210</v>
      </c>
      <c r="CR52" s="1">
        <v>550</v>
      </c>
      <c r="CS52" s="3">
        <v>111888</v>
      </c>
      <c r="CT52" s="1">
        <v>9</v>
      </c>
      <c r="CU52" s="1">
        <v>473</v>
      </c>
      <c r="CV52" s="1">
        <v>45</v>
      </c>
      <c r="CW52" s="1">
        <v>382</v>
      </c>
      <c r="CX52" s="1">
        <v>0</v>
      </c>
      <c r="CY52" s="1">
        <v>0</v>
      </c>
      <c r="CZ52" s="1">
        <v>46</v>
      </c>
      <c r="DA52" s="1">
        <v>84</v>
      </c>
      <c r="DB52" s="1">
        <v>0</v>
      </c>
      <c r="DC52" s="1">
        <v>0</v>
      </c>
      <c r="DD52" s="1">
        <v>503</v>
      </c>
      <c r="DE52" s="1">
        <v>166</v>
      </c>
      <c r="DF52" s="3">
        <v>1708</v>
      </c>
      <c r="DG52" s="1">
        <v>10766681</v>
      </c>
    </row>
    <row r="53" spans="1:111" ht="10" customHeight="1">
      <c r="A53" s="164" t="s">
        <v>124</v>
      </c>
      <c r="B53" s="120"/>
      <c r="C53" s="120"/>
      <c r="D53" s="120"/>
      <c r="E53" s="121"/>
      <c r="F53" s="1">
        <v>244919</v>
      </c>
      <c r="G53" s="1">
        <v>232003</v>
      </c>
      <c r="H53" s="1">
        <v>54645</v>
      </c>
      <c r="I53" s="1">
        <v>310174</v>
      </c>
      <c r="J53" s="1">
        <v>114267</v>
      </c>
      <c r="K53" s="1">
        <v>13656</v>
      </c>
      <c r="L53" s="1">
        <v>148005</v>
      </c>
      <c r="M53" s="1">
        <v>103530</v>
      </c>
      <c r="N53" s="1">
        <v>399617</v>
      </c>
      <c r="O53" s="1">
        <v>73116</v>
      </c>
      <c r="P53" s="1">
        <v>4319</v>
      </c>
      <c r="Q53" s="1">
        <v>33899</v>
      </c>
      <c r="R53" s="1">
        <v>37691</v>
      </c>
      <c r="S53" s="1">
        <v>88302</v>
      </c>
      <c r="T53" s="1">
        <v>45238</v>
      </c>
      <c r="U53" s="1">
        <v>149460</v>
      </c>
      <c r="V53" s="1">
        <v>572999</v>
      </c>
      <c r="W53" s="1">
        <v>1472698</v>
      </c>
      <c r="X53" s="1">
        <v>722030</v>
      </c>
      <c r="Y53" s="1">
        <v>22513</v>
      </c>
      <c r="Z53" s="1">
        <v>0</v>
      </c>
      <c r="AA53" s="1">
        <v>26418</v>
      </c>
      <c r="AB53" s="1">
        <v>25442</v>
      </c>
      <c r="AC53" s="1">
        <v>33332</v>
      </c>
      <c r="AD53" s="1">
        <v>7281</v>
      </c>
      <c r="AE53" s="1">
        <v>26933</v>
      </c>
      <c r="AF53" s="1">
        <v>250926</v>
      </c>
      <c r="AG53" s="1">
        <v>51668</v>
      </c>
      <c r="AH53" s="1">
        <v>28008</v>
      </c>
      <c r="AI53" s="1">
        <v>537507</v>
      </c>
      <c r="AJ53" s="1">
        <v>14134</v>
      </c>
      <c r="AK53" s="1">
        <v>52610</v>
      </c>
      <c r="AL53" s="1">
        <v>121336</v>
      </c>
      <c r="AM53" s="1">
        <v>271800</v>
      </c>
      <c r="AN53" s="1">
        <v>121791</v>
      </c>
      <c r="AO53" s="1">
        <v>88529</v>
      </c>
      <c r="AP53" s="1">
        <v>30434</v>
      </c>
      <c r="AQ53" s="1">
        <v>86100</v>
      </c>
      <c r="AR53" s="1">
        <v>113443</v>
      </c>
      <c r="AS53" s="1">
        <v>37266</v>
      </c>
      <c r="AT53" s="1">
        <v>110563</v>
      </c>
      <c r="AU53" s="1">
        <v>97527</v>
      </c>
      <c r="AV53" s="1">
        <v>0</v>
      </c>
      <c r="AW53" s="1">
        <v>42800</v>
      </c>
      <c r="AX53" s="1">
        <v>34205</v>
      </c>
      <c r="AY53" s="1">
        <v>30768</v>
      </c>
      <c r="AZ53" s="1">
        <v>7390</v>
      </c>
      <c r="BA53" s="1">
        <v>20834</v>
      </c>
      <c r="BB53" s="1">
        <v>28742</v>
      </c>
      <c r="BC53" s="1">
        <v>211102</v>
      </c>
      <c r="BD53" s="1">
        <v>192815</v>
      </c>
      <c r="BE53" s="1">
        <v>23862</v>
      </c>
      <c r="BF53" s="1">
        <v>82172</v>
      </c>
      <c r="BG53" s="1">
        <v>398140</v>
      </c>
      <c r="BH53" s="1">
        <v>8048959</v>
      </c>
      <c r="BI53" s="1">
        <v>0</v>
      </c>
      <c r="BJ53" s="1">
        <v>1675</v>
      </c>
      <c r="BK53" s="1">
        <v>0</v>
      </c>
      <c r="BL53" s="1">
        <v>1841</v>
      </c>
      <c r="BM53" s="1">
        <v>61564</v>
      </c>
      <c r="BN53" s="1">
        <v>9363</v>
      </c>
      <c r="BO53" s="1">
        <v>51481</v>
      </c>
      <c r="BP53" s="1">
        <v>68217</v>
      </c>
      <c r="BQ53" s="1">
        <v>5934</v>
      </c>
      <c r="BR53" s="1">
        <v>0</v>
      </c>
      <c r="BS53" s="1">
        <v>23422</v>
      </c>
      <c r="BT53" s="1">
        <v>80000</v>
      </c>
      <c r="BU53" s="1">
        <v>303497</v>
      </c>
      <c r="BV53" s="1">
        <v>30594</v>
      </c>
      <c r="BW53" s="1">
        <v>0</v>
      </c>
      <c r="BX53" s="1">
        <v>334137</v>
      </c>
      <c r="BY53" s="1">
        <v>20898</v>
      </c>
      <c r="BZ53" s="1">
        <v>1376</v>
      </c>
      <c r="CA53" s="1">
        <v>50438</v>
      </c>
      <c r="CB53" s="1">
        <v>1603</v>
      </c>
      <c r="CC53" s="1">
        <v>110000</v>
      </c>
      <c r="CD53" s="1">
        <v>16810</v>
      </c>
      <c r="CE53" s="1">
        <v>0</v>
      </c>
      <c r="CF53" s="1">
        <v>10219</v>
      </c>
      <c r="CG53" s="1">
        <v>22116</v>
      </c>
      <c r="CH53" s="1">
        <v>16841</v>
      </c>
      <c r="CI53" s="1">
        <v>0</v>
      </c>
      <c r="CJ53" s="1">
        <v>34879</v>
      </c>
      <c r="CK53" s="1">
        <v>0</v>
      </c>
      <c r="CL53" s="1">
        <v>108197</v>
      </c>
      <c r="CM53" s="1">
        <v>25673</v>
      </c>
      <c r="CN53" s="1">
        <v>143692</v>
      </c>
      <c r="CO53" s="1">
        <v>1888</v>
      </c>
      <c r="CP53" s="1">
        <v>29861</v>
      </c>
      <c r="CQ53" s="1">
        <v>4823</v>
      </c>
      <c r="CR53" s="1">
        <v>4706</v>
      </c>
      <c r="CS53" s="3">
        <v>968751</v>
      </c>
      <c r="CT53" s="1">
        <v>0</v>
      </c>
      <c r="CU53" s="1">
        <v>2600</v>
      </c>
      <c r="CV53" s="1">
        <v>7473</v>
      </c>
      <c r="CW53" s="1">
        <v>0</v>
      </c>
      <c r="CX53" s="1">
        <v>1369</v>
      </c>
      <c r="CY53" s="1">
        <v>4610</v>
      </c>
      <c r="CZ53" s="1">
        <v>15000</v>
      </c>
      <c r="DA53" s="1">
        <v>0</v>
      </c>
      <c r="DB53" s="1">
        <v>20197</v>
      </c>
      <c r="DC53" s="1">
        <v>7214</v>
      </c>
      <c r="DD53" s="1">
        <v>836</v>
      </c>
      <c r="DE53" s="1">
        <v>2000</v>
      </c>
      <c r="DF53" s="3">
        <v>61299</v>
      </c>
      <c r="DG53" s="1">
        <v>9382506</v>
      </c>
    </row>
    <row r="54" spans="1:111" ht="10" customHeight="1">
      <c r="A54" s="26"/>
      <c r="B54" s="98" t="s">
        <v>125</v>
      </c>
      <c r="C54" s="90"/>
      <c r="D54" s="90"/>
      <c r="E54" s="91"/>
      <c r="F54" s="1">
        <v>244919</v>
      </c>
      <c r="G54" s="1">
        <v>58357</v>
      </c>
      <c r="H54" s="1">
        <v>54645</v>
      </c>
      <c r="I54" s="1">
        <v>132174</v>
      </c>
      <c r="J54" s="1">
        <v>114267</v>
      </c>
      <c r="K54" s="1">
        <v>0</v>
      </c>
      <c r="L54" s="1">
        <v>49297</v>
      </c>
      <c r="M54" s="1">
        <v>19906</v>
      </c>
      <c r="N54" s="1">
        <v>3921</v>
      </c>
      <c r="O54" s="1">
        <v>73116</v>
      </c>
      <c r="P54" s="1">
        <v>4319</v>
      </c>
      <c r="Q54" s="1">
        <v>33899</v>
      </c>
      <c r="R54" s="1">
        <v>37691</v>
      </c>
      <c r="S54" s="1">
        <v>1318</v>
      </c>
      <c r="T54" s="1">
        <v>45238</v>
      </c>
      <c r="U54" s="1">
        <v>27446</v>
      </c>
      <c r="V54" s="1">
        <v>86161</v>
      </c>
      <c r="W54" s="1">
        <v>566199</v>
      </c>
      <c r="X54" s="1">
        <v>518911</v>
      </c>
      <c r="Y54" s="1">
        <v>22513</v>
      </c>
      <c r="Z54" s="1">
        <v>0</v>
      </c>
      <c r="AA54" s="1">
        <v>26418</v>
      </c>
      <c r="AB54" s="1">
        <v>25442</v>
      </c>
      <c r="AC54" s="1">
        <v>32691</v>
      </c>
      <c r="AD54" s="1">
        <v>7281</v>
      </c>
      <c r="AE54" s="1">
        <v>26933</v>
      </c>
      <c r="AF54" s="1">
        <v>189329</v>
      </c>
      <c r="AG54" s="1">
        <v>51668</v>
      </c>
      <c r="AH54" s="1">
        <v>27468</v>
      </c>
      <c r="AI54" s="1">
        <v>27968</v>
      </c>
      <c r="AJ54" s="1">
        <v>14134</v>
      </c>
      <c r="AK54" s="1">
        <v>52610</v>
      </c>
      <c r="AL54" s="1">
        <v>34895</v>
      </c>
      <c r="AM54" s="1">
        <v>38511</v>
      </c>
      <c r="AN54" s="1">
        <v>2350</v>
      </c>
      <c r="AO54" s="1">
        <v>86482</v>
      </c>
      <c r="AP54" s="1">
        <v>30434</v>
      </c>
      <c r="AQ54" s="1">
        <v>58206</v>
      </c>
      <c r="AR54" s="1">
        <v>39162</v>
      </c>
      <c r="AS54" s="1">
        <v>8041</v>
      </c>
      <c r="AT54" s="1">
        <v>4674</v>
      </c>
      <c r="AU54" s="1">
        <v>8709</v>
      </c>
      <c r="AV54" s="1">
        <v>0</v>
      </c>
      <c r="AW54" s="1">
        <v>0</v>
      </c>
      <c r="AX54" s="1">
        <v>2852</v>
      </c>
      <c r="AY54" s="1">
        <v>4456</v>
      </c>
      <c r="AZ54" s="1">
        <v>7390</v>
      </c>
      <c r="BA54" s="1">
        <v>10897</v>
      </c>
      <c r="BB54" s="1">
        <v>0</v>
      </c>
      <c r="BC54" s="1">
        <v>82193</v>
      </c>
      <c r="BD54" s="1">
        <v>35602</v>
      </c>
      <c r="BE54" s="1">
        <v>14862</v>
      </c>
      <c r="BF54" s="1">
        <v>0</v>
      </c>
      <c r="BG54" s="1">
        <v>5266</v>
      </c>
      <c r="BH54" s="1">
        <v>3051221</v>
      </c>
      <c r="BI54" s="1">
        <v>0</v>
      </c>
      <c r="BJ54" s="1">
        <v>0</v>
      </c>
      <c r="BK54" s="1">
        <v>0</v>
      </c>
      <c r="BL54" s="1">
        <v>1841</v>
      </c>
      <c r="BM54" s="1">
        <v>0</v>
      </c>
      <c r="BN54" s="1">
        <v>0</v>
      </c>
      <c r="BO54" s="1">
        <v>486</v>
      </c>
      <c r="BP54" s="1">
        <v>1217</v>
      </c>
      <c r="BQ54" s="1">
        <v>0</v>
      </c>
      <c r="BR54" s="1">
        <v>0</v>
      </c>
      <c r="BS54" s="1">
        <v>9748</v>
      </c>
      <c r="BT54" s="1">
        <v>0</v>
      </c>
      <c r="BU54" s="1">
        <v>13292</v>
      </c>
      <c r="BV54" s="1">
        <v>30594</v>
      </c>
      <c r="BW54" s="1">
        <v>0</v>
      </c>
      <c r="BX54" s="1">
        <v>123986</v>
      </c>
      <c r="BY54" s="1">
        <v>0</v>
      </c>
      <c r="BZ54" s="1">
        <v>1376</v>
      </c>
      <c r="CA54" s="1">
        <v>21438</v>
      </c>
      <c r="CB54" s="1">
        <v>1603</v>
      </c>
      <c r="CC54" s="1">
        <v>0</v>
      </c>
      <c r="CD54" s="1">
        <v>13280</v>
      </c>
      <c r="CE54" s="1">
        <v>0</v>
      </c>
      <c r="CF54" s="1">
        <v>766</v>
      </c>
      <c r="CG54" s="1">
        <v>0</v>
      </c>
      <c r="CH54" s="1">
        <v>0</v>
      </c>
      <c r="CI54" s="1">
        <v>0</v>
      </c>
      <c r="CJ54" s="1">
        <v>0</v>
      </c>
      <c r="CK54" s="1">
        <v>0</v>
      </c>
      <c r="CL54" s="1">
        <v>29713</v>
      </c>
      <c r="CM54" s="1">
        <v>22647</v>
      </c>
      <c r="CN54" s="1">
        <v>24921</v>
      </c>
      <c r="CO54" s="1">
        <v>0</v>
      </c>
      <c r="CP54" s="1">
        <v>0</v>
      </c>
      <c r="CQ54" s="1">
        <v>0</v>
      </c>
      <c r="CR54" s="1">
        <v>0</v>
      </c>
      <c r="CS54" s="3">
        <v>270324</v>
      </c>
      <c r="CT54" s="1">
        <v>0</v>
      </c>
      <c r="CU54" s="1">
        <v>0</v>
      </c>
      <c r="CV54" s="1">
        <v>7473</v>
      </c>
      <c r="CW54" s="1">
        <v>0</v>
      </c>
      <c r="CX54" s="1">
        <v>496</v>
      </c>
      <c r="CY54" s="1">
        <v>1090</v>
      </c>
      <c r="CZ54" s="1">
        <v>0</v>
      </c>
      <c r="DA54" s="1">
        <v>0</v>
      </c>
      <c r="DB54" s="1">
        <v>0</v>
      </c>
      <c r="DC54" s="1">
        <v>0</v>
      </c>
      <c r="DD54" s="1">
        <v>0</v>
      </c>
      <c r="DE54" s="1">
        <v>0</v>
      </c>
      <c r="DF54" s="3">
        <v>9059</v>
      </c>
      <c r="DG54" s="1">
        <v>3343896</v>
      </c>
    </row>
    <row r="55" spans="1:111" ht="10" customHeight="1">
      <c r="A55" s="26"/>
      <c r="B55" s="119" t="s">
        <v>126</v>
      </c>
      <c r="C55" s="120"/>
      <c r="D55" s="120"/>
      <c r="E55" s="121"/>
      <c r="F55" s="1">
        <v>0</v>
      </c>
      <c r="G55" s="1">
        <v>173646</v>
      </c>
      <c r="H55" s="1">
        <v>0</v>
      </c>
      <c r="I55" s="1">
        <v>178000</v>
      </c>
      <c r="J55" s="1">
        <v>0</v>
      </c>
      <c r="K55" s="1">
        <v>13656</v>
      </c>
      <c r="L55" s="1">
        <v>98708</v>
      </c>
      <c r="M55" s="1">
        <v>83624</v>
      </c>
      <c r="N55" s="1">
        <v>395696</v>
      </c>
      <c r="O55" s="1">
        <v>0</v>
      </c>
      <c r="P55" s="1">
        <v>0</v>
      </c>
      <c r="Q55" s="1">
        <v>0</v>
      </c>
      <c r="R55" s="1">
        <v>0</v>
      </c>
      <c r="S55" s="1">
        <v>86984</v>
      </c>
      <c r="T55" s="1">
        <v>0</v>
      </c>
      <c r="U55" s="1">
        <v>122014</v>
      </c>
      <c r="V55" s="1">
        <v>486838</v>
      </c>
      <c r="W55" s="1">
        <v>906499</v>
      </c>
      <c r="X55" s="1">
        <v>203119</v>
      </c>
      <c r="Y55" s="1">
        <v>0</v>
      </c>
      <c r="Z55" s="1">
        <v>0</v>
      </c>
      <c r="AA55" s="1">
        <v>0</v>
      </c>
      <c r="AB55" s="1">
        <v>0</v>
      </c>
      <c r="AC55" s="1">
        <v>641</v>
      </c>
      <c r="AD55" s="1">
        <v>0</v>
      </c>
      <c r="AE55" s="1">
        <v>0</v>
      </c>
      <c r="AF55" s="1">
        <v>61597</v>
      </c>
      <c r="AG55" s="1">
        <v>0</v>
      </c>
      <c r="AH55" s="1">
        <v>540</v>
      </c>
      <c r="AI55" s="1">
        <v>509539</v>
      </c>
      <c r="AJ55" s="1">
        <v>0</v>
      </c>
      <c r="AK55" s="1">
        <v>0</v>
      </c>
      <c r="AL55" s="1">
        <v>86441</v>
      </c>
      <c r="AM55" s="1">
        <v>233289</v>
      </c>
      <c r="AN55" s="1">
        <v>119441</v>
      </c>
      <c r="AO55" s="1">
        <v>2047</v>
      </c>
      <c r="AP55" s="1">
        <v>0</v>
      </c>
      <c r="AQ55" s="1">
        <v>27894</v>
      </c>
      <c r="AR55" s="1">
        <v>74281</v>
      </c>
      <c r="AS55" s="1">
        <v>29225</v>
      </c>
      <c r="AT55" s="1">
        <v>105889</v>
      </c>
      <c r="AU55" s="1">
        <v>88818</v>
      </c>
      <c r="AV55" s="1">
        <v>0</v>
      </c>
      <c r="AW55" s="1">
        <v>42800</v>
      </c>
      <c r="AX55" s="1">
        <v>31353</v>
      </c>
      <c r="AY55" s="1">
        <v>26312</v>
      </c>
      <c r="AZ55" s="1">
        <v>0</v>
      </c>
      <c r="BA55" s="1">
        <v>9937</v>
      </c>
      <c r="BB55" s="1">
        <v>28742</v>
      </c>
      <c r="BC55" s="1">
        <v>128909</v>
      </c>
      <c r="BD55" s="1">
        <v>157213</v>
      </c>
      <c r="BE55" s="1">
        <v>9000</v>
      </c>
      <c r="BF55" s="1">
        <v>82172</v>
      </c>
      <c r="BG55" s="1">
        <v>392874</v>
      </c>
      <c r="BH55" s="1">
        <v>4997738</v>
      </c>
      <c r="BI55" s="1">
        <v>0</v>
      </c>
      <c r="BJ55" s="1">
        <v>1675</v>
      </c>
      <c r="BK55" s="1">
        <v>0</v>
      </c>
      <c r="BL55" s="1">
        <v>0</v>
      </c>
      <c r="BM55" s="1">
        <v>61564</v>
      </c>
      <c r="BN55" s="1">
        <v>9363</v>
      </c>
      <c r="BO55" s="1">
        <v>50995</v>
      </c>
      <c r="BP55" s="1">
        <v>67000</v>
      </c>
      <c r="BQ55" s="1">
        <v>5934</v>
      </c>
      <c r="BR55" s="1">
        <v>0</v>
      </c>
      <c r="BS55" s="1">
        <v>13674</v>
      </c>
      <c r="BT55" s="1">
        <v>80000</v>
      </c>
      <c r="BU55" s="1">
        <v>290205</v>
      </c>
      <c r="BV55" s="1">
        <v>0</v>
      </c>
      <c r="BW55" s="1">
        <v>0</v>
      </c>
      <c r="BX55" s="1">
        <v>210151</v>
      </c>
      <c r="BY55" s="1">
        <v>20898</v>
      </c>
      <c r="BZ55" s="1">
        <v>0</v>
      </c>
      <c r="CA55" s="1">
        <v>29000</v>
      </c>
      <c r="CB55" s="1">
        <v>0</v>
      </c>
      <c r="CC55" s="1">
        <v>110000</v>
      </c>
      <c r="CD55" s="1">
        <v>3530</v>
      </c>
      <c r="CE55" s="1">
        <v>0</v>
      </c>
      <c r="CF55" s="1">
        <v>9453</v>
      </c>
      <c r="CG55" s="1">
        <v>22116</v>
      </c>
      <c r="CH55" s="1">
        <v>16841</v>
      </c>
      <c r="CI55" s="1">
        <v>0</v>
      </c>
      <c r="CJ55" s="1">
        <v>34879</v>
      </c>
      <c r="CK55" s="1">
        <v>0</v>
      </c>
      <c r="CL55" s="1">
        <v>78484</v>
      </c>
      <c r="CM55" s="1">
        <v>3026</v>
      </c>
      <c r="CN55" s="1">
        <v>118771</v>
      </c>
      <c r="CO55" s="1">
        <v>1888</v>
      </c>
      <c r="CP55" s="1">
        <v>29861</v>
      </c>
      <c r="CQ55" s="1">
        <v>4823</v>
      </c>
      <c r="CR55" s="1">
        <v>4706</v>
      </c>
      <c r="CS55" s="3">
        <v>698427</v>
      </c>
      <c r="CT55" s="1">
        <v>0</v>
      </c>
      <c r="CU55" s="1">
        <v>2600</v>
      </c>
      <c r="CV55" s="1">
        <v>0</v>
      </c>
      <c r="CW55" s="1">
        <v>0</v>
      </c>
      <c r="CX55" s="1">
        <v>873</v>
      </c>
      <c r="CY55" s="1">
        <v>3520</v>
      </c>
      <c r="CZ55" s="1">
        <v>15000</v>
      </c>
      <c r="DA55" s="1">
        <v>0</v>
      </c>
      <c r="DB55" s="1">
        <v>20197</v>
      </c>
      <c r="DC55" s="1">
        <v>7214</v>
      </c>
      <c r="DD55" s="1">
        <v>836</v>
      </c>
      <c r="DE55" s="1">
        <v>2000</v>
      </c>
      <c r="DF55" s="3">
        <v>52240</v>
      </c>
      <c r="DG55" s="1">
        <v>6038610</v>
      </c>
    </row>
    <row r="56" spans="1:111" ht="10" customHeight="1">
      <c r="A56" s="26"/>
      <c r="B56" s="29"/>
      <c r="C56" s="98" t="s">
        <v>127</v>
      </c>
      <c r="D56" s="90"/>
      <c r="E56" s="91"/>
      <c r="F56" s="1">
        <v>0</v>
      </c>
      <c r="G56" s="1">
        <v>0</v>
      </c>
      <c r="H56" s="1">
        <v>0</v>
      </c>
      <c r="I56" s="1">
        <v>0</v>
      </c>
      <c r="J56" s="1">
        <v>0</v>
      </c>
      <c r="K56" s="1">
        <v>0</v>
      </c>
      <c r="L56" s="1">
        <v>0</v>
      </c>
      <c r="M56" s="1">
        <v>0</v>
      </c>
      <c r="N56" s="1">
        <v>0</v>
      </c>
      <c r="O56" s="1">
        <v>0</v>
      </c>
      <c r="P56" s="1">
        <v>0</v>
      </c>
      <c r="Q56" s="1">
        <v>0</v>
      </c>
      <c r="R56" s="1">
        <v>0</v>
      </c>
      <c r="S56" s="1">
        <v>0</v>
      </c>
      <c r="T56" s="1">
        <v>0</v>
      </c>
      <c r="U56" s="1">
        <v>0</v>
      </c>
      <c r="V56" s="1">
        <v>0</v>
      </c>
      <c r="W56" s="1">
        <v>0</v>
      </c>
      <c r="X56" s="1">
        <v>0</v>
      </c>
      <c r="Y56" s="1">
        <v>0</v>
      </c>
      <c r="Z56" s="1">
        <v>0</v>
      </c>
      <c r="AA56" s="1">
        <v>0</v>
      </c>
      <c r="AB56" s="1">
        <v>0</v>
      </c>
      <c r="AC56" s="1">
        <v>0</v>
      </c>
      <c r="AD56" s="1">
        <v>0</v>
      </c>
      <c r="AE56" s="1">
        <v>0</v>
      </c>
      <c r="AF56" s="1">
        <v>0</v>
      </c>
      <c r="AG56" s="1">
        <v>0</v>
      </c>
      <c r="AH56" s="1">
        <v>0</v>
      </c>
      <c r="AI56" s="1">
        <v>0</v>
      </c>
      <c r="AJ56" s="1">
        <v>0</v>
      </c>
      <c r="AK56" s="1">
        <v>0</v>
      </c>
      <c r="AL56" s="1">
        <v>0</v>
      </c>
      <c r="AM56" s="1">
        <v>0</v>
      </c>
      <c r="AN56" s="1">
        <v>0</v>
      </c>
      <c r="AO56" s="1">
        <v>0</v>
      </c>
      <c r="AP56" s="1">
        <v>0</v>
      </c>
      <c r="AQ56" s="1">
        <v>0</v>
      </c>
      <c r="AR56" s="1">
        <v>0</v>
      </c>
      <c r="AS56" s="1">
        <v>0</v>
      </c>
      <c r="AT56" s="1">
        <v>0</v>
      </c>
      <c r="AU56" s="1">
        <v>88818</v>
      </c>
      <c r="AV56" s="1">
        <v>0</v>
      </c>
      <c r="AW56" s="1">
        <v>0</v>
      </c>
      <c r="AX56" s="1">
        <v>0</v>
      </c>
      <c r="AY56" s="1">
        <v>0</v>
      </c>
      <c r="AZ56" s="1">
        <v>0</v>
      </c>
      <c r="BA56" s="1">
        <v>9937</v>
      </c>
      <c r="BB56" s="1">
        <v>0</v>
      </c>
      <c r="BC56" s="1">
        <v>0</v>
      </c>
      <c r="BD56" s="1">
        <v>0</v>
      </c>
      <c r="BE56" s="1">
        <v>0</v>
      </c>
      <c r="BF56" s="1">
        <v>0</v>
      </c>
      <c r="BG56" s="1">
        <v>0</v>
      </c>
      <c r="BH56" s="1">
        <v>98755</v>
      </c>
      <c r="BI56" s="1">
        <v>0</v>
      </c>
      <c r="BJ56" s="1">
        <v>0</v>
      </c>
      <c r="BK56" s="1">
        <v>0</v>
      </c>
      <c r="BL56" s="1">
        <v>0</v>
      </c>
      <c r="BM56" s="1">
        <v>0</v>
      </c>
      <c r="BN56" s="1">
        <v>0</v>
      </c>
      <c r="BO56" s="1">
        <v>0</v>
      </c>
      <c r="BP56" s="1">
        <v>0</v>
      </c>
      <c r="BQ56" s="1">
        <v>0</v>
      </c>
      <c r="BR56" s="1">
        <v>0</v>
      </c>
      <c r="BS56" s="1">
        <v>0</v>
      </c>
      <c r="BT56" s="1">
        <v>0</v>
      </c>
      <c r="BU56" s="1">
        <v>0</v>
      </c>
      <c r="BV56" s="1">
        <v>0</v>
      </c>
      <c r="BW56" s="1">
        <v>0</v>
      </c>
      <c r="BX56" s="1">
        <v>0</v>
      </c>
      <c r="BY56" s="1">
        <v>0</v>
      </c>
      <c r="BZ56" s="1">
        <v>0</v>
      </c>
      <c r="CA56" s="1">
        <v>0</v>
      </c>
      <c r="CB56" s="1">
        <v>0</v>
      </c>
      <c r="CC56" s="1">
        <v>0</v>
      </c>
      <c r="CD56" s="1">
        <v>0</v>
      </c>
      <c r="CE56" s="1">
        <v>0</v>
      </c>
      <c r="CF56" s="1">
        <v>0</v>
      </c>
      <c r="CG56" s="1">
        <v>0</v>
      </c>
      <c r="CH56" s="1">
        <v>0</v>
      </c>
      <c r="CI56" s="1">
        <v>0</v>
      </c>
      <c r="CJ56" s="1">
        <v>0</v>
      </c>
      <c r="CK56" s="1">
        <v>0</v>
      </c>
      <c r="CL56" s="1">
        <v>0</v>
      </c>
      <c r="CM56" s="1">
        <v>0</v>
      </c>
      <c r="CN56" s="1">
        <v>0</v>
      </c>
      <c r="CO56" s="1">
        <v>0</v>
      </c>
      <c r="CP56" s="1">
        <v>0</v>
      </c>
      <c r="CQ56" s="1">
        <v>0</v>
      </c>
      <c r="CR56" s="1">
        <v>0</v>
      </c>
      <c r="CS56" s="3">
        <v>0</v>
      </c>
      <c r="CT56" s="1">
        <v>0</v>
      </c>
      <c r="CU56" s="1">
        <v>0</v>
      </c>
      <c r="CV56" s="1">
        <v>0</v>
      </c>
      <c r="CW56" s="1">
        <v>0</v>
      </c>
      <c r="CX56" s="1">
        <v>0</v>
      </c>
      <c r="CY56" s="1">
        <v>0</v>
      </c>
      <c r="CZ56" s="1">
        <v>0</v>
      </c>
      <c r="DA56" s="1">
        <v>0</v>
      </c>
      <c r="DB56" s="1">
        <v>0</v>
      </c>
      <c r="DC56" s="1">
        <v>0</v>
      </c>
      <c r="DD56" s="1">
        <v>0</v>
      </c>
      <c r="DE56" s="1">
        <v>0</v>
      </c>
      <c r="DF56" s="3">
        <v>0</v>
      </c>
      <c r="DG56" s="1">
        <v>98755</v>
      </c>
    </row>
    <row r="57" spans="1:111" ht="10" customHeight="1">
      <c r="A57" s="26"/>
      <c r="B57" s="29"/>
      <c r="C57" s="114" t="s">
        <v>128</v>
      </c>
      <c r="D57" s="93"/>
      <c r="E57" s="94"/>
      <c r="F57" s="1">
        <v>0</v>
      </c>
      <c r="G57" s="1">
        <v>173646</v>
      </c>
      <c r="H57" s="1">
        <v>0</v>
      </c>
      <c r="I57" s="1">
        <v>178000</v>
      </c>
      <c r="J57" s="1">
        <v>0</v>
      </c>
      <c r="K57" s="1">
        <v>13656</v>
      </c>
      <c r="L57" s="1">
        <v>98708</v>
      </c>
      <c r="M57" s="1">
        <v>83624</v>
      </c>
      <c r="N57" s="1">
        <v>395696</v>
      </c>
      <c r="O57" s="1">
        <v>0</v>
      </c>
      <c r="P57" s="1">
        <v>0</v>
      </c>
      <c r="Q57" s="1">
        <v>0</v>
      </c>
      <c r="R57" s="1">
        <v>0</v>
      </c>
      <c r="S57" s="1">
        <v>86984</v>
      </c>
      <c r="T57" s="1">
        <v>0</v>
      </c>
      <c r="U57" s="1">
        <v>122014</v>
      </c>
      <c r="V57" s="1">
        <v>486838</v>
      </c>
      <c r="W57" s="1">
        <v>906499</v>
      </c>
      <c r="X57" s="1">
        <v>203119</v>
      </c>
      <c r="Y57" s="1">
        <v>0</v>
      </c>
      <c r="Z57" s="1">
        <v>0</v>
      </c>
      <c r="AA57" s="1">
        <v>0</v>
      </c>
      <c r="AB57" s="1">
        <v>0</v>
      </c>
      <c r="AC57" s="1">
        <v>641</v>
      </c>
      <c r="AD57" s="1">
        <v>0</v>
      </c>
      <c r="AE57" s="1">
        <v>0</v>
      </c>
      <c r="AF57" s="1">
        <v>61597</v>
      </c>
      <c r="AG57" s="1">
        <v>0</v>
      </c>
      <c r="AH57" s="1">
        <v>540</v>
      </c>
      <c r="AI57" s="1">
        <v>509539</v>
      </c>
      <c r="AJ57" s="1">
        <v>0</v>
      </c>
      <c r="AK57" s="1">
        <v>0</v>
      </c>
      <c r="AL57" s="1">
        <v>86441</v>
      </c>
      <c r="AM57" s="1">
        <v>233289</v>
      </c>
      <c r="AN57" s="1">
        <v>119441</v>
      </c>
      <c r="AO57" s="1">
        <v>2047</v>
      </c>
      <c r="AP57" s="1">
        <v>0</v>
      </c>
      <c r="AQ57" s="1">
        <v>27894</v>
      </c>
      <c r="AR57" s="1">
        <v>74281</v>
      </c>
      <c r="AS57" s="1">
        <v>29225</v>
      </c>
      <c r="AT57" s="1">
        <v>105889</v>
      </c>
      <c r="AU57" s="1">
        <v>0</v>
      </c>
      <c r="AV57" s="1">
        <v>0</v>
      </c>
      <c r="AW57" s="1">
        <v>42800</v>
      </c>
      <c r="AX57" s="1">
        <v>31353</v>
      </c>
      <c r="AY57" s="1">
        <v>26312</v>
      </c>
      <c r="AZ57" s="1">
        <v>0</v>
      </c>
      <c r="BA57" s="1">
        <v>0</v>
      </c>
      <c r="BB57" s="1">
        <v>28742</v>
      </c>
      <c r="BC57" s="1">
        <v>128909</v>
      </c>
      <c r="BD57" s="1">
        <v>157213</v>
      </c>
      <c r="BE57" s="1">
        <v>9000</v>
      </c>
      <c r="BF57" s="1">
        <v>82172</v>
      </c>
      <c r="BG57" s="1">
        <v>392874</v>
      </c>
      <c r="BH57" s="1">
        <v>4898983</v>
      </c>
      <c r="BI57" s="1">
        <v>0</v>
      </c>
      <c r="BJ57" s="1">
        <v>1675</v>
      </c>
      <c r="BK57" s="1">
        <v>0</v>
      </c>
      <c r="BL57" s="1">
        <v>0</v>
      </c>
      <c r="BM57" s="1">
        <v>61564</v>
      </c>
      <c r="BN57" s="1">
        <v>9363</v>
      </c>
      <c r="BO57" s="1">
        <v>50995</v>
      </c>
      <c r="BP57" s="1">
        <v>67000</v>
      </c>
      <c r="BQ57" s="1">
        <v>5934</v>
      </c>
      <c r="BR57" s="1">
        <v>0</v>
      </c>
      <c r="BS57" s="1">
        <v>13674</v>
      </c>
      <c r="BT57" s="1">
        <v>80000</v>
      </c>
      <c r="BU57" s="1">
        <v>290205</v>
      </c>
      <c r="BV57" s="1">
        <v>0</v>
      </c>
      <c r="BW57" s="1">
        <v>0</v>
      </c>
      <c r="BX57" s="1">
        <v>210151</v>
      </c>
      <c r="BY57" s="1">
        <v>20898</v>
      </c>
      <c r="BZ57" s="1">
        <v>0</v>
      </c>
      <c r="CA57" s="1">
        <v>29000</v>
      </c>
      <c r="CB57" s="1">
        <v>0</v>
      </c>
      <c r="CC57" s="1">
        <v>110000</v>
      </c>
      <c r="CD57" s="1">
        <v>3530</v>
      </c>
      <c r="CE57" s="1">
        <v>0</v>
      </c>
      <c r="CF57" s="1">
        <v>9453</v>
      </c>
      <c r="CG57" s="1">
        <v>22116</v>
      </c>
      <c r="CH57" s="1">
        <v>16841</v>
      </c>
      <c r="CI57" s="1">
        <v>0</v>
      </c>
      <c r="CJ57" s="1">
        <v>34879</v>
      </c>
      <c r="CK57" s="1">
        <v>0</v>
      </c>
      <c r="CL57" s="1">
        <v>78484</v>
      </c>
      <c r="CM57" s="1">
        <v>3026</v>
      </c>
      <c r="CN57" s="1">
        <v>118771</v>
      </c>
      <c r="CO57" s="1">
        <v>1888</v>
      </c>
      <c r="CP57" s="1">
        <v>29861</v>
      </c>
      <c r="CQ57" s="1">
        <v>4823</v>
      </c>
      <c r="CR57" s="1">
        <v>4706</v>
      </c>
      <c r="CS57" s="3">
        <v>698427</v>
      </c>
      <c r="CT57" s="1">
        <v>0</v>
      </c>
      <c r="CU57" s="1">
        <v>2600</v>
      </c>
      <c r="CV57" s="1">
        <v>0</v>
      </c>
      <c r="CW57" s="1">
        <v>0</v>
      </c>
      <c r="CX57" s="1">
        <v>873</v>
      </c>
      <c r="CY57" s="1">
        <v>3520</v>
      </c>
      <c r="CZ57" s="1">
        <v>15000</v>
      </c>
      <c r="DA57" s="1">
        <v>0</v>
      </c>
      <c r="DB57" s="1">
        <v>20197</v>
      </c>
      <c r="DC57" s="1">
        <v>7214</v>
      </c>
      <c r="DD57" s="1">
        <v>836</v>
      </c>
      <c r="DE57" s="1">
        <v>2000</v>
      </c>
      <c r="DF57" s="3">
        <v>52240</v>
      </c>
      <c r="DG57" s="1">
        <v>5939855</v>
      </c>
    </row>
    <row r="58" spans="1:111" ht="10" customHeight="1">
      <c r="A58" s="167" t="s">
        <v>129</v>
      </c>
      <c r="B58" s="168"/>
      <c r="C58" s="168"/>
      <c r="D58" s="168"/>
      <c r="E58" s="169"/>
      <c r="F58" s="50">
        <v>172568364</v>
      </c>
      <c r="G58" s="50">
        <v>12744138</v>
      </c>
      <c r="H58" s="50">
        <v>13661969</v>
      </c>
      <c r="I58" s="50">
        <v>51742526</v>
      </c>
      <c r="J58" s="50">
        <v>7717648</v>
      </c>
      <c r="K58" s="50">
        <v>3527227</v>
      </c>
      <c r="L58" s="50">
        <v>20764573</v>
      </c>
      <c r="M58" s="50">
        <v>7796812</v>
      </c>
      <c r="N58" s="50">
        <v>7912569</v>
      </c>
      <c r="O58" s="50">
        <v>9482100</v>
      </c>
      <c r="P58" s="50">
        <v>6004885</v>
      </c>
      <c r="Q58" s="50">
        <v>28779953</v>
      </c>
      <c r="R58" s="50">
        <v>9289473</v>
      </c>
      <c r="S58" s="50">
        <v>4275968</v>
      </c>
      <c r="T58" s="50">
        <v>11069121</v>
      </c>
      <c r="U58" s="50">
        <v>13326853</v>
      </c>
      <c r="V58" s="50">
        <v>17500541</v>
      </c>
      <c r="W58" s="50">
        <v>20333851</v>
      </c>
      <c r="X58" s="50">
        <v>18793521</v>
      </c>
      <c r="Y58" s="50">
        <v>5149538</v>
      </c>
      <c r="Z58" s="50">
        <v>13205670</v>
      </c>
      <c r="AA58" s="50">
        <v>4086936</v>
      </c>
      <c r="AB58" s="50">
        <v>3965050</v>
      </c>
      <c r="AC58" s="50">
        <v>3074303</v>
      </c>
      <c r="AD58" s="50">
        <v>2233424</v>
      </c>
      <c r="AE58" s="50">
        <v>11392588</v>
      </c>
      <c r="AF58" s="50">
        <v>5000165</v>
      </c>
      <c r="AG58" s="50">
        <v>17638389</v>
      </c>
      <c r="AH58" s="50">
        <v>3083911</v>
      </c>
      <c r="AI58" s="50">
        <v>20639867</v>
      </c>
      <c r="AJ58" s="50">
        <v>4320072</v>
      </c>
      <c r="AK58" s="50">
        <v>26652614</v>
      </c>
      <c r="AL58" s="50">
        <v>4322847</v>
      </c>
      <c r="AM58" s="50">
        <v>3548016</v>
      </c>
      <c r="AN58" s="50">
        <v>4820299</v>
      </c>
      <c r="AO58" s="50">
        <v>5184711</v>
      </c>
      <c r="AP58" s="50">
        <v>3275202</v>
      </c>
      <c r="AQ58" s="50">
        <v>5118682</v>
      </c>
      <c r="AR58" s="50">
        <v>3227804</v>
      </c>
      <c r="AS58" s="50">
        <v>804530</v>
      </c>
      <c r="AT58" s="50">
        <v>1023496</v>
      </c>
      <c r="AU58" s="50">
        <v>1319626</v>
      </c>
      <c r="AV58" s="50">
        <v>4293631</v>
      </c>
      <c r="AW58" s="50">
        <v>2278400</v>
      </c>
      <c r="AX58" s="50">
        <v>384363</v>
      </c>
      <c r="AY58" s="50">
        <v>573295</v>
      </c>
      <c r="AZ58" s="50">
        <v>629643</v>
      </c>
      <c r="BA58" s="50">
        <v>2441799</v>
      </c>
      <c r="BB58" s="50">
        <v>2133963</v>
      </c>
      <c r="BC58" s="50">
        <v>2572095</v>
      </c>
      <c r="BD58" s="50">
        <v>2888392</v>
      </c>
      <c r="BE58" s="50">
        <v>1430845</v>
      </c>
      <c r="BF58" s="50">
        <v>12945311</v>
      </c>
      <c r="BG58" s="50">
        <v>4215835</v>
      </c>
      <c r="BH58" s="50">
        <v>627167404</v>
      </c>
      <c r="BI58" s="50">
        <v>7206</v>
      </c>
      <c r="BJ58" s="50">
        <v>1374</v>
      </c>
      <c r="BK58" s="50">
        <v>11883</v>
      </c>
      <c r="BL58" s="50">
        <v>2516827</v>
      </c>
      <c r="BM58" s="50">
        <v>597224</v>
      </c>
      <c r="BN58" s="50">
        <v>367250</v>
      </c>
      <c r="BO58" s="50">
        <v>946484</v>
      </c>
      <c r="BP58" s="50">
        <v>1217511</v>
      </c>
      <c r="BQ58" s="50">
        <v>425704</v>
      </c>
      <c r="BR58" s="50">
        <v>215412</v>
      </c>
      <c r="BS58" s="50">
        <v>252510</v>
      </c>
      <c r="BT58" s="50">
        <v>2139068</v>
      </c>
      <c r="BU58" s="80">
        <v>8698453</v>
      </c>
      <c r="BV58" s="50">
        <v>754953</v>
      </c>
      <c r="BW58" s="50">
        <v>559635</v>
      </c>
      <c r="BX58" s="50">
        <v>2424727</v>
      </c>
      <c r="BY58" s="50">
        <v>811383</v>
      </c>
      <c r="BZ58" s="50">
        <v>324169</v>
      </c>
      <c r="CA58" s="50">
        <v>3421774</v>
      </c>
      <c r="CB58" s="50">
        <v>3283868</v>
      </c>
      <c r="CC58" s="50">
        <v>339907</v>
      </c>
      <c r="CD58" s="50">
        <v>124254</v>
      </c>
      <c r="CE58" s="50">
        <v>30732</v>
      </c>
      <c r="CF58" s="50">
        <v>136817</v>
      </c>
      <c r="CG58" s="50">
        <v>294241</v>
      </c>
      <c r="CH58" s="50">
        <v>76216</v>
      </c>
      <c r="CI58" s="50">
        <v>0</v>
      </c>
      <c r="CJ58" s="50">
        <v>352290</v>
      </c>
      <c r="CK58" s="50">
        <v>432223</v>
      </c>
      <c r="CL58" s="50">
        <v>1415079</v>
      </c>
      <c r="CM58" s="50">
        <v>168071</v>
      </c>
      <c r="CN58" s="50">
        <v>707418</v>
      </c>
      <c r="CO58" s="50">
        <v>54097</v>
      </c>
      <c r="CP58" s="50">
        <v>420406</v>
      </c>
      <c r="CQ58" s="50">
        <v>194439</v>
      </c>
      <c r="CR58" s="50">
        <v>27382</v>
      </c>
      <c r="CS58" s="80">
        <v>16354081</v>
      </c>
      <c r="CT58" s="50">
        <v>645492</v>
      </c>
      <c r="CU58" s="50">
        <v>51063</v>
      </c>
      <c r="CV58" s="50">
        <v>211952</v>
      </c>
      <c r="CW58" s="50">
        <v>0</v>
      </c>
      <c r="CX58" s="50">
        <v>18712</v>
      </c>
      <c r="CY58" s="50">
        <v>98441</v>
      </c>
      <c r="CZ58" s="50">
        <v>400264</v>
      </c>
      <c r="DA58" s="50">
        <v>89479</v>
      </c>
      <c r="DB58" s="50">
        <v>278438</v>
      </c>
      <c r="DC58" s="50">
        <v>63538</v>
      </c>
      <c r="DD58" s="50">
        <v>22362</v>
      </c>
      <c r="DE58" s="50">
        <v>47935</v>
      </c>
      <c r="DF58" s="80">
        <v>1927676</v>
      </c>
      <c r="DG58" s="50">
        <v>654147614</v>
      </c>
    </row>
    <row r="59" spans="1:111" ht="10" customHeight="1">
      <c r="CS59" s="3"/>
    </row>
    <row r="60" spans="1:111" ht="10" customHeight="1">
      <c r="CS60" s="3"/>
    </row>
    <row r="61" spans="1:111" ht="10" customHeight="1">
      <c r="CS61" s="73"/>
    </row>
    <row r="62" spans="1:111" ht="10" customHeight="1">
      <c r="CS62" s="3"/>
    </row>
    <row r="63" spans="1:111" ht="10" customHeight="1">
      <c r="CS63" s="73"/>
    </row>
    <row r="64" spans="1:111" ht="10" customHeight="1">
      <c r="CS64" s="3"/>
    </row>
    <row r="65" spans="97:97" ht="10" customHeight="1">
      <c r="CS65" s="3"/>
    </row>
    <row r="66" spans="97:97" ht="10" customHeight="1">
      <c r="CS66" s="3"/>
    </row>
    <row r="67" spans="97:97" ht="10" customHeight="1">
      <c r="CS67" s="3"/>
    </row>
    <row r="68" spans="97:97" ht="10" customHeight="1">
      <c r="CS68" s="3"/>
    </row>
    <row r="69" spans="97:97" ht="10" customHeight="1">
      <c r="CS69" s="3"/>
    </row>
    <row r="70" spans="97:97" ht="10" customHeight="1">
      <c r="CS70" s="78"/>
    </row>
  </sheetData>
  <mergeCells count="61">
    <mergeCell ref="B38:E38"/>
    <mergeCell ref="D32:E32"/>
    <mergeCell ref="B34:E34"/>
    <mergeCell ref="B41:E41"/>
    <mergeCell ref="B37:E37"/>
    <mergeCell ref="B39:E39"/>
    <mergeCell ref="B40:E40"/>
    <mergeCell ref="A32:C33"/>
    <mergeCell ref="B35:E35"/>
    <mergeCell ref="A42:E42"/>
    <mergeCell ref="A34:A41"/>
    <mergeCell ref="B36:E36"/>
    <mergeCell ref="A43:E43"/>
    <mergeCell ref="A1:E3"/>
    <mergeCell ref="B4:E4"/>
    <mergeCell ref="C5:E5"/>
    <mergeCell ref="C6:E6"/>
    <mergeCell ref="D7:E7"/>
    <mergeCell ref="B8:E8"/>
    <mergeCell ref="A4:A20"/>
    <mergeCell ref="B14:E14"/>
    <mergeCell ref="B16:E16"/>
    <mergeCell ref="C19:E19"/>
    <mergeCell ref="B9:E9"/>
    <mergeCell ref="B10:E10"/>
    <mergeCell ref="B11:E11"/>
    <mergeCell ref="C17:E17"/>
    <mergeCell ref="C18:E18"/>
    <mergeCell ref="B20:E20"/>
    <mergeCell ref="B15:E15"/>
    <mergeCell ref="B12:E12"/>
    <mergeCell ref="B13:E13"/>
    <mergeCell ref="A21:A31"/>
    <mergeCell ref="B21:E21"/>
    <mergeCell ref="C23:E23"/>
    <mergeCell ref="B24:E24"/>
    <mergeCell ref="C22:E22"/>
    <mergeCell ref="C26:E26"/>
    <mergeCell ref="D27:E27"/>
    <mergeCell ref="B31:E31"/>
    <mergeCell ref="C25:E25"/>
    <mergeCell ref="B28:E28"/>
    <mergeCell ref="B29:E29"/>
    <mergeCell ref="B30:E30"/>
    <mergeCell ref="C48:E48"/>
    <mergeCell ref="C49:E49"/>
    <mergeCell ref="A44:E44"/>
    <mergeCell ref="A45:B52"/>
    <mergeCell ref="C45:C47"/>
    <mergeCell ref="D45:E45"/>
    <mergeCell ref="D46:E46"/>
    <mergeCell ref="D47:E47"/>
    <mergeCell ref="C50:E50"/>
    <mergeCell ref="C51:E51"/>
    <mergeCell ref="C52:E52"/>
    <mergeCell ref="C56:E56"/>
    <mergeCell ref="C57:E57"/>
    <mergeCell ref="A58:E58"/>
    <mergeCell ref="A53:E53"/>
    <mergeCell ref="B54:E54"/>
    <mergeCell ref="B55:E55"/>
  </mergeCells>
  <phoneticPr fontId="4"/>
  <conditionalFormatting sqref="F4:CR58 CT4:DG58 CS4:CS70">
    <cfRule type="cellIs" dxfId="0" priority="6" stopIfTrue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firstPageNumber="220" orientation="portrait" useFirstPageNumber="1" r:id="rId1"/>
  <headerFooter scaleWithDoc="0">
    <oddHeader>&amp;L&amp;"ＭＳ ゴシック,標準"Ⅳ　令和６年度地方公営企業事業別決算状況
　４　下水道事業
　　（１）法適用事業（公共・特環・農集・特排）&amp;R&amp;"ＭＳ ゴシック,標準"
&amp;A</oddHeader>
    <oddFooter>&amp;C&amp;"ＭＳ ゴシック,標準"&amp;9&amp;P</oddFooter>
  </headerFooter>
  <colBreaks count="17" manualBreakCount="17">
    <brk id="11" max="57" man="1"/>
    <brk id="17" max="57" man="1"/>
    <brk id="23" max="57" man="1"/>
    <brk id="29" max="57" man="1"/>
    <brk id="35" max="57" man="1"/>
    <brk id="41" max="57" man="1"/>
    <brk id="47" max="57" man="1"/>
    <brk id="53" max="57" man="1"/>
    <brk id="59" max="57" man="1"/>
    <brk id="65" max="57" man="1"/>
    <brk id="71" max="57" man="1"/>
    <brk id="77" max="57" man="1"/>
    <brk id="83" max="57" man="1"/>
    <brk id="89" max="57" man="1"/>
    <brk id="95" max="57" man="1"/>
    <brk id="101" max="57" man="1"/>
    <brk id="107" max="57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7</vt:i4>
      </vt:variant>
    </vt:vector>
  </HeadingPairs>
  <TitlesOfParts>
    <vt:vector size="11" baseType="lpstr">
      <vt:lpstr>ア　施設及び業務の概況</vt:lpstr>
      <vt:lpstr>イ　損益計算書 </vt:lpstr>
      <vt:lpstr>ウ　貸借対照表</vt:lpstr>
      <vt:lpstr>エ　資本的収支に関する調</vt:lpstr>
      <vt:lpstr>'イ　損益計算書 '!Print_Area</vt:lpstr>
      <vt:lpstr>'ウ　貸借対照表'!Print_Area</vt:lpstr>
      <vt:lpstr>'エ　資本的収支に関する調'!Print_Area</vt:lpstr>
      <vt:lpstr>'ア　施設及び業務の概況'!Print_Titles</vt:lpstr>
      <vt:lpstr>'イ　損益計算書 '!Print_Titles</vt:lpstr>
      <vt:lpstr>'ウ　貸借対照表'!Print_Titles</vt:lpstr>
      <vt:lpstr>'エ　資本的収支に関する調'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埼玉県</dc:creator>
  <cp:lastModifiedBy>田代 幹基（市町村課）</cp:lastModifiedBy>
  <cp:lastPrinted>2026-02-04T23:50:43Z</cp:lastPrinted>
  <dcterms:created xsi:type="dcterms:W3CDTF">2012-10-10T08:17:13Z</dcterms:created>
  <dcterms:modified xsi:type="dcterms:W3CDTF">2026-02-05T00:48:35Z</dcterms:modified>
</cp:coreProperties>
</file>